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bookViews>
    <workbookView xWindow="0" yWindow="60" windowWidth="19500" windowHeight="11745" tabRatio="767" firstSheet="3" activeTab="3"/>
  </bookViews>
  <sheets>
    <sheet name="ANEXO III-B- PLAN. ORÇAMENTÁRIA" sheetId="15" r:id="rId1"/>
    <sheet name="PO Orçamentária" sheetId="14" state="hidden" r:id="rId2"/>
    <sheet name="ANEXO III-D- FÍSICO-FINANCEIRO" sheetId="16" r:id="rId3"/>
    <sheet name="ANEXO III-C- COMPOSIÇÃ DO BDI" sheetId="18" r:id="rId4"/>
    <sheet name="ANEXO III-E- ENCARGOS SOCIAIS" sheetId="19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\i" localSheetId="2">#REF!</definedName>
    <definedName name="\i">#REF!</definedName>
    <definedName name="\l" localSheetId="2">#REF!</definedName>
    <definedName name="\l">#REF!</definedName>
    <definedName name="\s" localSheetId="2">#REF!</definedName>
    <definedName name="\s">#REF!</definedName>
    <definedName name="\t" localSheetId="2">#REF!</definedName>
    <definedName name="\t">#REF!</definedName>
    <definedName name="________________A1" localSheetId="2">#REF!</definedName>
    <definedName name="________________A1">#REF!</definedName>
    <definedName name="________________cab1" localSheetId="2">#REF!</definedName>
    <definedName name="________________cab1">#REF!</definedName>
    <definedName name="________________COM010201" localSheetId="2">#REF!</definedName>
    <definedName name="________________COM010201">#REF!</definedName>
    <definedName name="________________COM010202" localSheetId="2">#REF!</definedName>
    <definedName name="________________COM010202">#REF!</definedName>
    <definedName name="________________COM010205" localSheetId="2">#REF!</definedName>
    <definedName name="________________COM010205">#REF!</definedName>
    <definedName name="________________COM010206" localSheetId="2">#REF!</definedName>
    <definedName name="________________COM010206">#REF!</definedName>
    <definedName name="________________COM010210" localSheetId="2">#REF!</definedName>
    <definedName name="________________COM010210">#REF!</definedName>
    <definedName name="________________COM010301" localSheetId="2">#REF!</definedName>
    <definedName name="________________COM010301">#REF!</definedName>
    <definedName name="________________COM010401" localSheetId="2">#REF!</definedName>
    <definedName name="________________COM010401">#REF!</definedName>
    <definedName name="________________COM010402" localSheetId="2">#REF!</definedName>
    <definedName name="________________COM010402">#REF!</definedName>
    <definedName name="________________COM010407" localSheetId="2">#REF!</definedName>
    <definedName name="________________COM010407">#REF!</definedName>
    <definedName name="________________COM010413" localSheetId="2">#REF!</definedName>
    <definedName name="________________COM010413">#REF!</definedName>
    <definedName name="________________COM010501" localSheetId="2">#REF!</definedName>
    <definedName name="________________COM010501">#REF!</definedName>
    <definedName name="________________COM010503" localSheetId="2">#REF!</definedName>
    <definedName name="________________COM010503">#REF!</definedName>
    <definedName name="________________COM010505" localSheetId="2">#REF!</definedName>
    <definedName name="________________COM010505">#REF!</definedName>
    <definedName name="________________COM010509" localSheetId="2">#REF!</definedName>
    <definedName name="________________COM010509">#REF!</definedName>
    <definedName name="________________COM010512" localSheetId="2">#REF!</definedName>
    <definedName name="________________COM010512">#REF!</definedName>
    <definedName name="________________COM010518" localSheetId="2">#REF!</definedName>
    <definedName name="________________COM010518">#REF!</definedName>
    <definedName name="________________COM010519" localSheetId="2">#REF!</definedName>
    <definedName name="________________COM010519">#REF!</definedName>
    <definedName name="________________COM010521" localSheetId="2">#REF!</definedName>
    <definedName name="________________COM010521">#REF!</definedName>
    <definedName name="________________COM010523" localSheetId="2">#REF!</definedName>
    <definedName name="________________COM010523">#REF!</definedName>
    <definedName name="________________COM010532" localSheetId="2">#REF!</definedName>
    <definedName name="________________COM010532">#REF!</definedName>
    <definedName name="________________COM010533" localSheetId="2">#REF!</definedName>
    <definedName name="________________COM010533">#REF!</definedName>
    <definedName name="________________COM010536" localSheetId="2">#REF!</definedName>
    <definedName name="________________COM010536">#REF!</definedName>
    <definedName name="________________COM010701" localSheetId="2">#REF!</definedName>
    <definedName name="________________COM010701">#REF!</definedName>
    <definedName name="________________COM010703" localSheetId="2">#REF!</definedName>
    <definedName name="________________COM010703">#REF!</definedName>
    <definedName name="________________COM010705" localSheetId="2">#REF!</definedName>
    <definedName name="________________COM010705">#REF!</definedName>
    <definedName name="________________COM010708" localSheetId="2">#REF!</definedName>
    <definedName name="________________COM010708">#REF!</definedName>
    <definedName name="________________COM010710" localSheetId="2">#REF!</definedName>
    <definedName name="________________COM010710">#REF!</definedName>
    <definedName name="________________COM010712" localSheetId="2">#REF!</definedName>
    <definedName name="________________COM010712">#REF!</definedName>
    <definedName name="________________COM010717" localSheetId="2">#REF!</definedName>
    <definedName name="________________COM010717">#REF!</definedName>
    <definedName name="________________COM010718" localSheetId="2">#REF!</definedName>
    <definedName name="________________COM010718">#REF!</definedName>
    <definedName name="________________COM020201" localSheetId="2">#REF!</definedName>
    <definedName name="________________COM020201">#REF!</definedName>
    <definedName name="________________COM020205" localSheetId="2">#REF!</definedName>
    <definedName name="________________COM020205">#REF!</definedName>
    <definedName name="________________COM020211" localSheetId="2">#REF!</definedName>
    <definedName name="________________COM020211">#REF!</definedName>
    <definedName name="________________COM020217" localSheetId="2">#REF!</definedName>
    <definedName name="________________COM020217">#REF!</definedName>
    <definedName name="________________COM030102" localSheetId="2">#REF!</definedName>
    <definedName name="________________COM030102">#REF!</definedName>
    <definedName name="________________COM030201" localSheetId="2">#REF!</definedName>
    <definedName name="________________COM030201">#REF!</definedName>
    <definedName name="________________COM030303" localSheetId="2">#REF!</definedName>
    <definedName name="________________COM030303">#REF!</definedName>
    <definedName name="________________COM030317" localSheetId="2">#REF!</definedName>
    <definedName name="________________COM030317">#REF!</definedName>
    <definedName name="________________COM040101" localSheetId="2">#REF!</definedName>
    <definedName name="________________COM040101">#REF!</definedName>
    <definedName name="________________COM040202" localSheetId="2">#REF!</definedName>
    <definedName name="________________COM040202">#REF!</definedName>
    <definedName name="________________COM050103" localSheetId="2">#REF!</definedName>
    <definedName name="________________COM050103">#REF!</definedName>
    <definedName name="________________COM050207" localSheetId="2">#REF!</definedName>
    <definedName name="________________COM050207">#REF!</definedName>
    <definedName name="________________COM060101" localSheetId="2">#REF!</definedName>
    <definedName name="________________COM060101">#REF!</definedName>
    <definedName name="________________COM080101" localSheetId="2">#REF!</definedName>
    <definedName name="________________COM080101">#REF!</definedName>
    <definedName name="________________COM080310" localSheetId="2">#REF!</definedName>
    <definedName name="________________COM080310">#REF!</definedName>
    <definedName name="________________COM090101" localSheetId="2">#REF!</definedName>
    <definedName name="________________COM090101">#REF!</definedName>
    <definedName name="________________COM100302" localSheetId="2">#REF!</definedName>
    <definedName name="________________COM100302">#REF!</definedName>
    <definedName name="________________COM110101" localSheetId="2">#REF!</definedName>
    <definedName name="________________COM110101">#REF!</definedName>
    <definedName name="________________COM110104" localSheetId="2">#REF!</definedName>
    <definedName name="________________COM110104">#REF!</definedName>
    <definedName name="________________COM110107" localSheetId="2">#REF!</definedName>
    <definedName name="________________COM110107">#REF!</definedName>
    <definedName name="________________COM120101" localSheetId="2">#REF!</definedName>
    <definedName name="________________COM120101">#REF!</definedName>
    <definedName name="________________COM120105" localSheetId="2">#REF!</definedName>
    <definedName name="________________COM120105">#REF!</definedName>
    <definedName name="________________COM120106" localSheetId="2">#REF!</definedName>
    <definedName name="________________COM120106">#REF!</definedName>
    <definedName name="________________COM120107" localSheetId="2">#REF!</definedName>
    <definedName name="________________COM120107">#REF!</definedName>
    <definedName name="________________COM120110" localSheetId="2">#REF!</definedName>
    <definedName name="________________COM120110">#REF!</definedName>
    <definedName name="________________COM120150" localSheetId="2">#REF!</definedName>
    <definedName name="________________COM120150">#REF!</definedName>
    <definedName name="________________COM130101" localSheetId="2">#REF!</definedName>
    <definedName name="________________COM130101">#REF!</definedName>
    <definedName name="________________COM130103" localSheetId="2">#REF!</definedName>
    <definedName name="________________COM130103">#REF!</definedName>
    <definedName name="________________COM130304" localSheetId="2">#REF!</definedName>
    <definedName name="________________COM130304">#REF!</definedName>
    <definedName name="________________COM130401" localSheetId="2">#REF!</definedName>
    <definedName name="________________COM130401">#REF!</definedName>
    <definedName name="________________COM140102" localSheetId="2">#REF!</definedName>
    <definedName name="________________COM140102">#REF!</definedName>
    <definedName name="________________COM140109" localSheetId="2">#REF!</definedName>
    <definedName name="________________COM140109">#REF!</definedName>
    <definedName name="________________COM140113" localSheetId="2">#REF!</definedName>
    <definedName name="________________COM140113">#REF!</definedName>
    <definedName name="________________COM140122" localSheetId="2">#REF!</definedName>
    <definedName name="________________COM140122">#REF!</definedName>
    <definedName name="________________COM140126" localSheetId="2">#REF!</definedName>
    <definedName name="________________COM140126">#REF!</definedName>
    <definedName name="________________COM140129" localSheetId="2">#REF!</definedName>
    <definedName name="________________COM140129">#REF!</definedName>
    <definedName name="________________COM140135" localSheetId="2">#REF!</definedName>
    <definedName name="________________COM140135">#REF!</definedName>
    <definedName name="________________COM140143" localSheetId="2">#REF!</definedName>
    <definedName name="________________COM140143">#REF!</definedName>
    <definedName name="________________COM140145" localSheetId="2">#REF!</definedName>
    <definedName name="________________COM140145">#REF!</definedName>
    <definedName name="________________COM150130" localSheetId="2">#REF!</definedName>
    <definedName name="________________COM150130">#REF!</definedName>
    <definedName name="________________COM170101" localSheetId="2">#REF!</definedName>
    <definedName name="________________COM170101">#REF!</definedName>
    <definedName name="________________COM170102" localSheetId="2">#REF!</definedName>
    <definedName name="________________COM170102">#REF!</definedName>
    <definedName name="________________COM170103" localSheetId="2">#REF!</definedName>
    <definedName name="________________COM170103">#REF!</definedName>
    <definedName name="________________GLB2" localSheetId="2">#REF!</definedName>
    <definedName name="________________GLB2">#REF!</definedName>
    <definedName name="________________i3" localSheetId="2">#REF!</definedName>
    <definedName name="________________i3">#REF!</definedName>
    <definedName name="________________MAO010201" localSheetId="2">#REF!</definedName>
    <definedName name="________________MAO010201">#REF!</definedName>
    <definedName name="________________MAO010202" localSheetId="2">#REF!</definedName>
    <definedName name="________________MAO010202">#REF!</definedName>
    <definedName name="________________MAO010205" localSheetId="2">#REF!</definedName>
    <definedName name="________________MAO010205">#REF!</definedName>
    <definedName name="________________MAO010206" localSheetId="2">#REF!</definedName>
    <definedName name="________________MAO010206">#REF!</definedName>
    <definedName name="________________MAO010210" localSheetId="2">#REF!</definedName>
    <definedName name="________________MAO010210">#REF!</definedName>
    <definedName name="________________MAO010401" localSheetId="2">#REF!</definedName>
    <definedName name="________________MAO010401">#REF!</definedName>
    <definedName name="________________MAO010402" localSheetId="2">#REF!</definedName>
    <definedName name="________________MAO010402">#REF!</definedName>
    <definedName name="________________MAO010407" localSheetId="2">#REF!</definedName>
    <definedName name="________________MAO010407">#REF!</definedName>
    <definedName name="________________MAO010413" localSheetId="2">#REF!</definedName>
    <definedName name="________________MAO010413">#REF!</definedName>
    <definedName name="________________MAO010501" localSheetId="2">#REF!</definedName>
    <definedName name="________________MAO010501">#REF!</definedName>
    <definedName name="________________MAO010503" localSheetId="2">#REF!</definedName>
    <definedName name="________________MAO010503">#REF!</definedName>
    <definedName name="________________MAO010505" localSheetId="2">#REF!</definedName>
    <definedName name="________________MAO010505">#REF!</definedName>
    <definedName name="________________MAO010509" localSheetId="2">#REF!</definedName>
    <definedName name="________________MAO010509">#REF!</definedName>
    <definedName name="________________MAO010512" localSheetId="2">#REF!</definedName>
    <definedName name="________________MAO010512">#REF!</definedName>
    <definedName name="________________MAO010518" localSheetId="2">#REF!</definedName>
    <definedName name="________________MAO010518">#REF!</definedName>
    <definedName name="________________MAO010519" localSheetId="2">#REF!</definedName>
    <definedName name="________________MAO010519">#REF!</definedName>
    <definedName name="________________MAO010521" localSheetId="2">#REF!</definedName>
    <definedName name="________________MAO010521">#REF!</definedName>
    <definedName name="________________MAO010523" localSheetId="2">#REF!</definedName>
    <definedName name="________________MAO010523">#REF!</definedName>
    <definedName name="________________MAO010532" localSheetId="2">#REF!</definedName>
    <definedName name="________________MAO010532">#REF!</definedName>
    <definedName name="________________MAO010533" localSheetId="2">#REF!</definedName>
    <definedName name="________________MAO010533">#REF!</definedName>
    <definedName name="________________MAO010536" localSheetId="2">#REF!</definedName>
    <definedName name="________________MAO010536">#REF!</definedName>
    <definedName name="________________MAO010701" localSheetId="2">#REF!</definedName>
    <definedName name="________________MAO010701">#REF!</definedName>
    <definedName name="________________MAO010703" localSheetId="2">#REF!</definedName>
    <definedName name="________________MAO010703">#REF!</definedName>
    <definedName name="________________MAO010705" localSheetId="2">#REF!</definedName>
    <definedName name="________________MAO010705">#REF!</definedName>
    <definedName name="________________MAO010708" localSheetId="2">#REF!</definedName>
    <definedName name="________________MAO010708">#REF!</definedName>
    <definedName name="________________MAO010710" localSheetId="2">#REF!</definedName>
    <definedName name="________________MAO010710">#REF!</definedName>
    <definedName name="________________MAO010712" localSheetId="2">#REF!</definedName>
    <definedName name="________________MAO010712">#REF!</definedName>
    <definedName name="________________MAO010717" localSheetId="2">#REF!</definedName>
    <definedName name="________________MAO010717">#REF!</definedName>
    <definedName name="________________MAO020201" localSheetId="2">#REF!</definedName>
    <definedName name="________________MAO020201">#REF!</definedName>
    <definedName name="________________MAO020205" localSheetId="2">#REF!</definedName>
    <definedName name="________________MAO020205">#REF!</definedName>
    <definedName name="________________MAO020211" localSheetId="2">#REF!</definedName>
    <definedName name="________________MAO020211">#REF!</definedName>
    <definedName name="________________MAO020217" localSheetId="2">#REF!</definedName>
    <definedName name="________________MAO020217">#REF!</definedName>
    <definedName name="________________MAO030102" localSheetId="2">#REF!</definedName>
    <definedName name="________________MAO030102">#REF!</definedName>
    <definedName name="________________MAO030201" localSheetId="2">#REF!</definedName>
    <definedName name="________________MAO030201">#REF!</definedName>
    <definedName name="________________MAO030303" localSheetId="2">#REF!</definedName>
    <definedName name="________________MAO030303">#REF!</definedName>
    <definedName name="________________MAO030317" localSheetId="2">#REF!</definedName>
    <definedName name="________________MAO030317">#REF!</definedName>
    <definedName name="________________MAO040101" localSheetId="2">#REF!</definedName>
    <definedName name="________________MAO040101">#REF!</definedName>
    <definedName name="________________MAO040202" localSheetId="2">#REF!</definedName>
    <definedName name="________________MAO040202">#REF!</definedName>
    <definedName name="________________MAO050103" localSheetId="2">#REF!</definedName>
    <definedName name="________________MAO050103">#REF!</definedName>
    <definedName name="________________MAO050207" localSheetId="2">#REF!</definedName>
    <definedName name="________________MAO050207">#REF!</definedName>
    <definedName name="________________MAO060101" localSheetId="2">#REF!</definedName>
    <definedName name="________________MAO060101">#REF!</definedName>
    <definedName name="________________MAO080310" localSheetId="2">#REF!</definedName>
    <definedName name="________________MAO080310">#REF!</definedName>
    <definedName name="________________MAO090101" localSheetId="2">#REF!</definedName>
    <definedName name="________________MAO090101">#REF!</definedName>
    <definedName name="________________MAO110101" localSheetId="2">#REF!</definedName>
    <definedName name="________________MAO110101">#REF!</definedName>
    <definedName name="________________MAO110104" localSheetId="2">#REF!</definedName>
    <definedName name="________________MAO110104">#REF!</definedName>
    <definedName name="________________MAO110107" localSheetId="2">#REF!</definedName>
    <definedName name="________________MAO110107">#REF!</definedName>
    <definedName name="________________MAO120101" localSheetId="2">#REF!</definedName>
    <definedName name="________________MAO120101">#REF!</definedName>
    <definedName name="________________MAO120105" localSheetId="2">#REF!</definedName>
    <definedName name="________________MAO120105">#REF!</definedName>
    <definedName name="________________MAO120106" localSheetId="2">#REF!</definedName>
    <definedName name="________________MAO120106">#REF!</definedName>
    <definedName name="________________MAO120107" localSheetId="2">#REF!</definedName>
    <definedName name="________________MAO120107">#REF!</definedName>
    <definedName name="________________MAO120110" localSheetId="2">#REF!</definedName>
    <definedName name="________________MAO120110">#REF!</definedName>
    <definedName name="________________MAO120150" localSheetId="2">#REF!</definedName>
    <definedName name="________________MAO120150">#REF!</definedName>
    <definedName name="________________MAO130101" localSheetId="2">#REF!</definedName>
    <definedName name="________________MAO130101">#REF!</definedName>
    <definedName name="________________MAO130103" localSheetId="2">#REF!</definedName>
    <definedName name="________________MAO130103">#REF!</definedName>
    <definedName name="________________MAO130304" localSheetId="2">#REF!</definedName>
    <definedName name="________________MAO130304">#REF!</definedName>
    <definedName name="________________MAO130401" localSheetId="2">#REF!</definedName>
    <definedName name="________________MAO130401">#REF!</definedName>
    <definedName name="________________MAO140102" localSheetId="2">#REF!</definedName>
    <definedName name="________________MAO140102">#REF!</definedName>
    <definedName name="________________MAO140109" localSheetId="2">#REF!</definedName>
    <definedName name="________________MAO140109">#REF!</definedName>
    <definedName name="________________MAO140113" localSheetId="2">#REF!</definedName>
    <definedName name="________________MAO140113">#REF!</definedName>
    <definedName name="________________MAO140122" localSheetId="2">#REF!</definedName>
    <definedName name="________________MAO140122">#REF!</definedName>
    <definedName name="________________MAO140126" localSheetId="2">#REF!</definedName>
    <definedName name="________________MAO140126">#REF!</definedName>
    <definedName name="________________MAO140129" localSheetId="2">#REF!</definedName>
    <definedName name="________________MAO140129">#REF!</definedName>
    <definedName name="________________MAO140135" localSheetId="2">#REF!</definedName>
    <definedName name="________________MAO140135">#REF!</definedName>
    <definedName name="________________MAO140143" localSheetId="2">#REF!</definedName>
    <definedName name="________________MAO140143">#REF!</definedName>
    <definedName name="________________MAO140145" localSheetId="2">#REF!</definedName>
    <definedName name="________________MAO140145">#REF!</definedName>
    <definedName name="________________MAT010301" localSheetId="2">#REF!</definedName>
    <definedName name="________________MAT010301">#REF!</definedName>
    <definedName name="________________MAT010401" localSheetId="2">#REF!</definedName>
    <definedName name="________________MAT010401">#REF!</definedName>
    <definedName name="________________MAT010402" localSheetId="2">#REF!</definedName>
    <definedName name="________________MAT010402">#REF!</definedName>
    <definedName name="________________MAT010407" localSheetId="2">#REF!</definedName>
    <definedName name="________________MAT010407">#REF!</definedName>
    <definedName name="________________MAT010413" localSheetId="2">#REF!</definedName>
    <definedName name="________________MAT010413">#REF!</definedName>
    <definedName name="________________MAT010536" localSheetId="2">#REF!</definedName>
    <definedName name="________________MAT010536">#REF!</definedName>
    <definedName name="________________MAT010703" localSheetId="2">#REF!</definedName>
    <definedName name="________________MAT010703">#REF!</definedName>
    <definedName name="________________MAT010708" localSheetId="2">#REF!</definedName>
    <definedName name="________________MAT010708">#REF!</definedName>
    <definedName name="________________MAT010710" localSheetId="2">#REF!</definedName>
    <definedName name="________________MAT010710">#REF!</definedName>
    <definedName name="________________MAT010718" localSheetId="2">#REF!</definedName>
    <definedName name="________________MAT010718">#REF!</definedName>
    <definedName name="________________MAT020201" localSheetId="2">#REF!</definedName>
    <definedName name="________________MAT020201">#REF!</definedName>
    <definedName name="________________MAT020205" localSheetId="2">#REF!</definedName>
    <definedName name="________________MAT020205">#REF!</definedName>
    <definedName name="________________MAT020211" localSheetId="2">#REF!</definedName>
    <definedName name="________________MAT020211">#REF!</definedName>
    <definedName name="________________MAT030102" localSheetId="2">#REF!</definedName>
    <definedName name="________________MAT030102">#REF!</definedName>
    <definedName name="________________MAT030201" localSheetId="2">#REF!</definedName>
    <definedName name="________________MAT030201">#REF!</definedName>
    <definedName name="________________MAT030303" localSheetId="2">#REF!</definedName>
    <definedName name="________________MAT030303">#REF!</definedName>
    <definedName name="________________MAT030317" localSheetId="2">#REF!</definedName>
    <definedName name="________________MAT030317">#REF!</definedName>
    <definedName name="________________MAT040101" localSheetId="2">#REF!</definedName>
    <definedName name="________________MAT040101">#REF!</definedName>
    <definedName name="________________MAT040202" localSheetId="2">#REF!</definedName>
    <definedName name="________________MAT040202">#REF!</definedName>
    <definedName name="________________MAT050103" localSheetId="2">#REF!</definedName>
    <definedName name="________________MAT050103">#REF!</definedName>
    <definedName name="________________MAT050207" localSheetId="2">#REF!</definedName>
    <definedName name="________________MAT050207">#REF!</definedName>
    <definedName name="________________MAT060101" localSheetId="2">#REF!</definedName>
    <definedName name="________________MAT060101">#REF!</definedName>
    <definedName name="________________MAT080101" localSheetId="2">#REF!</definedName>
    <definedName name="________________MAT080101">#REF!</definedName>
    <definedName name="________________MAT080310" localSheetId="2">#REF!</definedName>
    <definedName name="________________MAT080310">#REF!</definedName>
    <definedName name="________________MAT090101" localSheetId="2">#REF!</definedName>
    <definedName name="________________MAT090101">#REF!</definedName>
    <definedName name="________________MAT100302" localSheetId="2">#REF!</definedName>
    <definedName name="________________MAT100302">#REF!</definedName>
    <definedName name="________________MAT110101" localSheetId="2">#REF!</definedName>
    <definedName name="________________MAT110101">#REF!</definedName>
    <definedName name="________________MAT110104" localSheetId="2">#REF!</definedName>
    <definedName name="________________MAT110104">#REF!</definedName>
    <definedName name="________________MAT110107" localSheetId="2">#REF!</definedName>
    <definedName name="________________MAT110107">#REF!</definedName>
    <definedName name="________________MAT120101" localSheetId="2">#REF!</definedName>
    <definedName name="________________MAT120101">#REF!</definedName>
    <definedName name="________________MAT120105" localSheetId="2">#REF!</definedName>
    <definedName name="________________MAT120105">#REF!</definedName>
    <definedName name="________________MAT120106" localSheetId="2">#REF!</definedName>
    <definedName name="________________MAT120106">#REF!</definedName>
    <definedName name="________________MAT120107" localSheetId="2">#REF!</definedName>
    <definedName name="________________MAT120107">#REF!</definedName>
    <definedName name="________________MAT120110" localSheetId="2">#REF!</definedName>
    <definedName name="________________MAT120110">#REF!</definedName>
    <definedName name="________________MAT120150" localSheetId="2">#REF!</definedName>
    <definedName name="________________MAT120150">#REF!</definedName>
    <definedName name="________________MAT130101" localSheetId="2">#REF!</definedName>
    <definedName name="________________MAT130101">#REF!</definedName>
    <definedName name="________________MAT130103" localSheetId="2">#REF!</definedName>
    <definedName name="________________MAT130103">#REF!</definedName>
    <definedName name="________________MAT130304" localSheetId="2">#REF!</definedName>
    <definedName name="________________MAT130304">#REF!</definedName>
    <definedName name="________________MAT130401" localSheetId="2">#REF!</definedName>
    <definedName name="________________MAT130401">#REF!</definedName>
    <definedName name="________________MAT140102" localSheetId="2">#REF!</definedName>
    <definedName name="________________MAT140102">#REF!</definedName>
    <definedName name="________________MAT140109" localSheetId="2">#REF!</definedName>
    <definedName name="________________MAT140109">#REF!</definedName>
    <definedName name="________________MAT140113" localSheetId="2">#REF!</definedName>
    <definedName name="________________MAT140113">#REF!</definedName>
    <definedName name="________________MAT140122" localSheetId="2">#REF!</definedName>
    <definedName name="________________MAT140122">#REF!</definedName>
    <definedName name="________________MAT140126" localSheetId="2">#REF!</definedName>
    <definedName name="________________MAT140126">#REF!</definedName>
    <definedName name="________________MAT140129" localSheetId="2">#REF!</definedName>
    <definedName name="________________MAT140129">#REF!</definedName>
    <definedName name="________________MAT140135" localSheetId="2">#REF!</definedName>
    <definedName name="________________MAT140135">#REF!</definedName>
    <definedName name="________________MAT140143" localSheetId="2">#REF!</definedName>
    <definedName name="________________MAT140143">#REF!</definedName>
    <definedName name="________________MAT140145" localSheetId="2">#REF!</definedName>
    <definedName name="________________MAT140145">#REF!</definedName>
    <definedName name="________________MAT150130" localSheetId="2">#REF!</definedName>
    <definedName name="________________MAT150130">#REF!</definedName>
    <definedName name="________________MAT170101" localSheetId="2">#REF!</definedName>
    <definedName name="________________MAT170101">#REF!</definedName>
    <definedName name="________________MAT170102" localSheetId="2">#REF!</definedName>
    <definedName name="________________MAT170102">#REF!</definedName>
    <definedName name="________________MAT170103" localSheetId="2">#REF!</definedName>
    <definedName name="________________MAT170103">#REF!</definedName>
    <definedName name="________________PRE010201" localSheetId="2">#REF!</definedName>
    <definedName name="________________PRE010201">#REF!</definedName>
    <definedName name="________________PRE010202" localSheetId="2">#REF!</definedName>
    <definedName name="________________PRE010202">#REF!</definedName>
    <definedName name="________________PRE010205" localSheetId="2">#REF!</definedName>
    <definedName name="________________PRE010205">#REF!</definedName>
    <definedName name="________________PRE010206" localSheetId="2">#REF!</definedName>
    <definedName name="________________PRE010206">#REF!</definedName>
    <definedName name="________________PRE010210" localSheetId="2">#REF!</definedName>
    <definedName name="________________PRE010210">#REF!</definedName>
    <definedName name="________________PRE010301" localSheetId="2">#REF!</definedName>
    <definedName name="________________PRE010301">#REF!</definedName>
    <definedName name="________________PRE010401" localSheetId="2">#REF!</definedName>
    <definedName name="________________PRE010401">#REF!</definedName>
    <definedName name="________________PRE010402" localSheetId="2">#REF!</definedName>
    <definedName name="________________PRE010402">#REF!</definedName>
    <definedName name="________________PRE010407" localSheetId="2">#REF!</definedName>
    <definedName name="________________PRE010407">#REF!</definedName>
    <definedName name="________________PRE010413" localSheetId="2">#REF!</definedName>
    <definedName name="________________PRE010413">#REF!</definedName>
    <definedName name="________________PRE010501" localSheetId="2">#REF!</definedName>
    <definedName name="________________PRE010501">#REF!</definedName>
    <definedName name="________________PRE010503" localSheetId="2">#REF!</definedName>
    <definedName name="________________PRE010503">#REF!</definedName>
    <definedName name="________________PRE010505" localSheetId="2">#REF!</definedName>
    <definedName name="________________PRE010505">#REF!</definedName>
    <definedName name="________________PRE010509" localSheetId="2">#REF!</definedName>
    <definedName name="________________PRE010509">#REF!</definedName>
    <definedName name="________________PRE010512" localSheetId="2">#REF!</definedName>
    <definedName name="________________PRE010512">#REF!</definedName>
    <definedName name="________________PRE010518" localSheetId="2">#REF!</definedName>
    <definedName name="________________PRE010518">#REF!</definedName>
    <definedName name="________________PRE010519" localSheetId="2">#REF!</definedName>
    <definedName name="________________PRE010519">#REF!</definedName>
    <definedName name="________________PRE010521" localSheetId="2">#REF!</definedName>
    <definedName name="________________PRE010521">#REF!</definedName>
    <definedName name="________________PRE010523" localSheetId="2">#REF!</definedName>
    <definedName name="________________PRE010523">#REF!</definedName>
    <definedName name="________________PRE010532" localSheetId="2">#REF!</definedName>
    <definedName name="________________PRE010532">#REF!</definedName>
    <definedName name="________________PRE010533" localSheetId="2">#REF!</definedName>
    <definedName name="________________PRE010533">#REF!</definedName>
    <definedName name="________________PRE010536" localSheetId="2">#REF!</definedName>
    <definedName name="________________PRE010536">#REF!</definedName>
    <definedName name="________________PRE010701" localSheetId="2">#REF!</definedName>
    <definedName name="________________PRE010701">#REF!</definedName>
    <definedName name="________________PRE010703" localSheetId="2">#REF!</definedName>
    <definedName name="________________PRE010703">#REF!</definedName>
    <definedName name="________________PRE010705" localSheetId="2">#REF!</definedName>
    <definedName name="________________PRE010705">#REF!</definedName>
    <definedName name="________________PRE010708" localSheetId="2">#REF!</definedName>
    <definedName name="________________PRE010708">#REF!</definedName>
    <definedName name="________________PRE010710" localSheetId="2">#REF!</definedName>
    <definedName name="________________PRE010710">#REF!</definedName>
    <definedName name="________________PRE010712" localSheetId="2">#REF!</definedName>
    <definedName name="________________PRE010712">#REF!</definedName>
    <definedName name="________________PRE010717" localSheetId="2">#REF!</definedName>
    <definedName name="________________PRE010717">#REF!</definedName>
    <definedName name="________________PRE010718" localSheetId="2">#REF!</definedName>
    <definedName name="________________PRE010718">#REF!</definedName>
    <definedName name="________________PRE020201" localSheetId="2">#REF!</definedName>
    <definedName name="________________PRE020201">#REF!</definedName>
    <definedName name="________________PRE020205" localSheetId="2">#REF!</definedName>
    <definedName name="________________PRE020205">#REF!</definedName>
    <definedName name="________________PRE020211" localSheetId="2">#REF!</definedName>
    <definedName name="________________PRE020211">#REF!</definedName>
    <definedName name="________________PRE020217" localSheetId="2">#REF!</definedName>
    <definedName name="________________PRE020217">#REF!</definedName>
    <definedName name="________________PRE030102" localSheetId="2">#REF!</definedName>
    <definedName name="________________PRE030102">#REF!</definedName>
    <definedName name="________________PRE030201" localSheetId="2">#REF!</definedName>
    <definedName name="________________PRE030201">#REF!</definedName>
    <definedName name="________________PRE030303" localSheetId="2">#REF!</definedName>
    <definedName name="________________PRE030303">#REF!</definedName>
    <definedName name="________________PRE030317" localSheetId="2">#REF!</definedName>
    <definedName name="________________PRE030317">#REF!</definedName>
    <definedName name="________________PRE040101" localSheetId="2">#REF!</definedName>
    <definedName name="________________PRE040101">#REF!</definedName>
    <definedName name="________________PRE040202" localSheetId="2">#REF!</definedName>
    <definedName name="________________PRE040202">#REF!</definedName>
    <definedName name="________________PRE050103" localSheetId="2">#REF!</definedName>
    <definedName name="________________PRE050103">#REF!</definedName>
    <definedName name="________________PRE050207" localSheetId="2">#REF!</definedName>
    <definedName name="________________PRE050207">#REF!</definedName>
    <definedName name="________________PRE060101" localSheetId="2">#REF!</definedName>
    <definedName name="________________PRE060101">#REF!</definedName>
    <definedName name="________________PRE080101" localSheetId="2">#REF!</definedName>
    <definedName name="________________PRE080101">#REF!</definedName>
    <definedName name="________________PRE080310" localSheetId="2">#REF!</definedName>
    <definedName name="________________PRE080310">#REF!</definedName>
    <definedName name="________________PRE090101" localSheetId="2">#REF!</definedName>
    <definedName name="________________PRE090101">#REF!</definedName>
    <definedName name="________________PRE100302" localSheetId="2">#REF!</definedName>
    <definedName name="________________PRE100302">#REF!</definedName>
    <definedName name="________________PRE110101" localSheetId="2">#REF!</definedName>
    <definedName name="________________PRE110101">#REF!</definedName>
    <definedName name="________________PRE110104" localSheetId="2">#REF!</definedName>
    <definedName name="________________PRE110104">#REF!</definedName>
    <definedName name="________________PRE110107" localSheetId="2">#REF!</definedName>
    <definedName name="________________PRE110107">#REF!</definedName>
    <definedName name="________________PRE120101" localSheetId="2">#REF!</definedName>
    <definedName name="________________PRE120101">#REF!</definedName>
    <definedName name="________________PRE120105" localSheetId="2">#REF!</definedName>
    <definedName name="________________PRE120105">#REF!</definedName>
    <definedName name="________________PRE120106" localSheetId="2">#REF!</definedName>
    <definedName name="________________PRE120106">#REF!</definedName>
    <definedName name="________________PRE120107" localSheetId="2">#REF!</definedName>
    <definedName name="________________PRE120107">#REF!</definedName>
    <definedName name="________________PRE120110" localSheetId="2">#REF!</definedName>
    <definedName name="________________PRE120110">#REF!</definedName>
    <definedName name="________________PRE120150" localSheetId="2">#REF!</definedName>
    <definedName name="________________PRE120150">#REF!</definedName>
    <definedName name="________________PRE130101" localSheetId="2">#REF!</definedName>
    <definedName name="________________PRE130101">#REF!</definedName>
    <definedName name="________________PRE130103" localSheetId="2">#REF!</definedName>
    <definedName name="________________PRE130103">#REF!</definedName>
    <definedName name="________________PRE130304" localSheetId="2">#REF!</definedName>
    <definedName name="________________PRE130304">#REF!</definedName>
    <definedName name="________________PRE130401" localSheetId="2">#REF!</definedName>
    <definedName name="________________PRE130401">#REF!</definedName>
    <definedName name="________________PRE140102" localSheetId="2">#REF!</definedName>
    <definedName name="________________PRE140102">#REF!</definedName>
    <definedName name="________________PRE140109" localSheetId="2">#REF!</definedName>
    <definedName name="________________PRE140109">#REF!</definedName>
    <definedName name="________________PRE140113" localSheetId="2">#REF!</definedName>
    <definedName name="________________PRE140113">#REF!</definedName>
    <definedName name="________________PRE140122" localSheetId="2">#REF!</definedName>
    <definedName name="________________PRE140122">#REF!</definedName>
    <definedName name="________________PRE140126" localSheetId="2">#REF!</definedName>
    <definedName name="________________PRE140126">#REF!</definedName>
    <definedName name="________________PRE140129" localSheetId="2">#REF!</definedName>
    <definedName name="________________PRE140129">#REF!</definedName>
    <definedName name="________________PRE140135" localSheetId="2">#REF!</definedName>
    <definedName name="________________PRE140135">#REF!</definedName>
    <definedName name="________________PRE140143" localSheetId="2">#REF!</definedName>
    <definedName name="________________PRE140143">#REF!</definedName>
    <definedName name="________________PRE140145" localSheetId="2">#REF!</definedName>
    <definedName name="________________PRE140145">#REF!</definedName>
    <definedName name="________________PRE150130" localSheetId="2">#REF!</definedName>
    <definedName name="________________PRE150130">#REF!</definedName>
    <definedName name="________________PRE170101" localSheetId="2">#REF!</definedName>
    <definedName name="________________PRE170101">#REF!</definedName>
    <definedName name="________________PRE170102" localSheetId="2">#REF!</definedName>
    <definedName name="________________PRE170102">#REF!</definedName>
    <definedName name="________________PRE170103" localSheetId="2">#REF!</definedName>
    <definedName name="________________PRE170103">#REF!</definedName>
    <definedName name="________________QUA010201" localSheetId="2">#REF!</definedName>
    <definedName name="________________QUA010201">#REF!</definedName>
    <definedName name="________________QUA010202" localSheetId="2">#REF!</definedName>
    <definedName name="________________QUA010202">#REF!</definedName>
    <definedName name="________________QUA010205" localSheetId="2">#REF!</definedName>
    <definedName name="________________QUA010205">#REF!</definedName>
    <definedName name="________________QUA010206" localSheetId="2">#REF!</definedName>
    <definedName name="________________QUA010206">#REF!</definedName>
    <definedName name="________________QUA010210" localSheetId="2">#REF!</definedName>
    <definedName name="________________QUA010210">#REF!</definedName>
    <definedName name="________________QUA010301" localSheetId="2">#REF!</definedName>
    <definedName name="________________QUA010301">#REF!</definedName>
    <definedName name="________________QUA010401" localSheetId="2">#REF!</definedName>
    <definedName name="________________QUA010401">#REF!</definedName>
    <definedName name="________________QUA010402" localSheetId="2">#REF!</definedName>
    <definedName name="________________QUA010402">#REF!</definedName>
    <definedName name="________________QUA010407" localSheetId="2">#REF!</definedName>
    <definedName name="________________QUA010407">#REF!</definedName>
    <definedName name="________________QUA010413" localSheetId="2">#REF!</definedName>
    <definedName name="________________QUA010413">#REF!</definedName>
    <definedName name="________________QUA010501" localSheetId="2">#REF!</definedName>
    <definedName name="________________QUA010501">#REF!</definedName>
    <definedName name="________________QUA010503" localSheetId="2">#REF!</definedName>
    <definedName name="________________QUA010503">#REF!</definedName>
    <definedName name="________________QUA010505" localSheetId="2">#REF!</definedName>
    <definedName name="________________QUA010505">#REF!</definedName>
    <definedName name="________________QUA010509" localSheetId="2">#REF!</definedName>
    <definedName name="________________QUA010509">#REF!</definedName>
    <definedName name="________________QUA010512" localSheetId="2">#REF!</definedName>
    <definedName name="________________QUA010512">#REF!</definedName>
    <definedName name="________________QUA010518" localSheetId="2">#REF!</definedName>
    <definedName name="________________QUA010518">#REF!</definedName>
    <definedName name="________________QUA010519" localSheetId="2">#REF!</definedName>
    <definedName name="________________QUA010519">#REF!</definedName>
    <definedName name="________________QUA010521" localSheetId="2">#REF!</definedName>
    <definedName name="________________QUA010521">#REF!</definedName>
    <definedName name="________________QUA010523" localSheetId="2">#REF!</definedName>
    <definedName name="________________QUA010523">#REF!</definedName>
    <definedName name="________________QUA010532" localSheetId="2">#REF!</definedName>
    <definedName name="________________QUA010532">#REF!</definedName>
    <definedName name="________________QUA010533" localSheetId="2">#REF!</definedName>
    <definedName name="________________QUA010533">#REF!</definedName>
    <definedName name="________________QUA010536" localSheetId="2">#REF!</definedName>
    <definedName name="________________QUA010536">#REF!</definedName>
    <definedName name="________________QUA010701" localSheetId="2">#REF!</definedName>
    <definedName name="________________QUA010701">#REF!</definedName>
    <definedName name="________________QUA010703" localSheetId="2">#REF!</definedName>
    <definedName name="________________QUA010703">#REF!</definedName>
    <definedName name="________________QUA010705" localSheetId="2">#REF!</definedName>
    <definedName name="________________QUA010705">#REF!</definedName>
    <definedName name="________________QUA010708" localSheetId="2">#REF!</definedName>
    <definedName name="________________QUA010708">#REF!</definedName>
    <definedName name="________________QUA010710" localSheetId="2">#REF!</definedName>
    <definedName name="________________QUA010710">#REF!</definedName>
    <definedName name="________________QUA010712" localSheetId="2">#REF!</definedName>
    <definedName name="________________QUA010712">#REF!</definedName>
    <definedName name="________________QUA010717" localSheetId="2">#REF!</definedName>
    <definedName name="________________QUA010717">#REF!</definedName>
    <definedName name="________________QUA010718" localSheetId="2">#REF!</definedName>
    <definedName name="________________QUA010718">#REF!</definedName>
    <definedName name="________________QUA020201" localSheetId="2">#REF!</definedName>
    <definedName name="________________QUA020201">#REF!</definedName>
    <definedName name="________________QUA020205" localSheetId="2">#REF!</definedName>
    <definedName name="________________QUA020205">#REF!</definedName>
    <definedName name="________________QUA020211" localSheetId="2">#REF!</definedName>
    <definedName name="________________QUA020211">#REF!</definedName>
    <definedName name="________________QUA020217" localSheetId="2">#REF!</definedName>
    <definedName name="________________QUA020217">#REF!</definedName>
    <definedName name="________________QUA030102" localSheetId="2">#REF!</definedName>
    <definedName name="________________QUA030102">#REF!</definedName>
    <definedName name="________________QUA030201" localSheetId="2">#REF!</definedName>
    <definedName name="________________QUA030201">#REF!</definedName>
    <definedName name="________________QUA030303" localSheetId="2">#REF!</definedName>
    <definedName name="________________QUA030303">#REF!</definedName>
    <definedName name="________________QUA030317" localSheetId="2">#REF!</definedName>
    <definedName name="________________QUA030317">#REF!</definedName>
    <definedName name="________________QUA040101" localSheetId="2">#REF!</definedName>
    <definedName name="________________QUA040101">#REF!</definedName>
    <definedName name="________________QUA040202" localSheetId="2">#REF!</definedName>
    <definedName name="________________QUA040202">#REF!</definedName>
    <definedName name="________________QUA050103" localSheetId="2">#REF!</definedName>
    <definedName name="________________QUA050103">#REF!</definedName>
    <definedName name="________________QUA050207" localSheetId="2">#REF!</definedName>
    <definedName name="________________QUA050207">#REF!</definedName>
    <definedName name="________________QUA060101" localSheetId="2">#REF!</definedName>
    <definedName name="________________QUA060101">#REF!</definedName>
    <definedName name="________________QUA080101" localSheetId="2">#REF!</definedName>
    <definedName name="________________QUA080101">#REF!</definedName>
    <definedName name="________________QUA080310" localSheetId="2">#REF!</definedName>
    <definedName name="________________QUA080310">#REF!</definedName>
    <definedName name="________________QUA090101" localSheetId="2">#REF!</definedName>
    <definedName name="________________QUA090101">#REF!</definedName>
    <definedName name="________________QUA100302" localSheetId="2">#REF!</definedName>
    <definedName name="________________QUA100302">#REF!</definedName>
    <definedName name="________________QUA110101" localSheetId="2">#REF!</definedName>
    <definedName name="________________QUA110101">#REF!</definedName>
    <definedName name="________________QUA110104" localSheetId="2">#REF!</definedName>
    <definedName name="________________QUA110104">#REF!</definedName>
    <definedName name="________________QUA110107" localSheetId="2">#REF!</definedName>
    <definedName name="________________QUA110107">#REF!</definedName>
    <definedName name="________________QUA120101" localSheetId="2">#REF!</definedName>
    <definedName name="________________QUA120101">#REF!</definedName>
    <definedName name="________________QUA120105" localSheetId="2">#REF!</definedName>
    <definedName name="________________QUA120105">#REF!</definedName>
    <definedName name="________________QUA120106" localSheetId="2">#REF!</definedName>
    <definedName name="________________QUA120106">#REF!</definedName>
    <definedName name="________________QUA120107" localSheetId="2">#REF!</definedName>
    <definedName name="________________QUA120107">#REF!</definedName>
    <definedName name="________________QUA120110" localSheetId="2">#REF!</definedName>
    <definedName name="________________QUA120110">#REF!</definedName>
    <definedName name="________________QUA120150" localSheetId="2">#REF!</definedName>
    <definedName name="________________QUA120150">#REF!</definedName>
    <definedName name="________________QUA130101" localSheetId="2">#REF!</definedName>
    <definedName name="________________QUA130101">#REF!</definedName>
    <definedName name="________________QUA130103" localSheetId="2">#REF!</definedName>
    <definedName name="________________QUA130103">#REF!</definedName>
    <definedName name="________________QUA130304" localSheetId="2">#REF!</definedName>
    <definedName name="________________QUA130304">#REF!</definedName>
    <definedName name="________________QUA130401" localSheetId="2">#REF!</definedName>
    <definedName name="________________QUA130401">#REF!</definedName>
    <definedName name="________________QUA140102" localSheetId="2">#REF!</definedName>
    <definedName name="________________QUA140102">#REF!</definedName>
    <definedName name="________________QUA140109" localSheetId="2">#REF!</definedName>
    <definedName name="________________QUA140109">#REF!</definedName>
    <definedName name="________________QUA140113" localSheetId="2">#REF!</definedName>
    <definedName name="________________QUA140113">#REF!</definedName>
    <definedName name="________________QUA140122" localSheetId="2">#REF!</definedName>
    <definedName name="________________QUA140122">#REF!</definedName>
    <definedName name="________________QUA140126" localSheetId="2">#REF!</definedName>
    <definedName name="________________QUA140126">#REF!</definedName>
    <definedName name="________________QUA140129" localSheetId="2">#REF!</definedName>
    <definedName name="________________QUA140129">#REF!</definedName>
    <definedName name="________________QUA140135" localSheetId="2">#REF!</definedName>
    <definedName name="________________QUA140135">#REF!</definedName>
    <definedName name="________________QUA140143" localSheetId="2">#REF!</definedName>
    <definedName name="________________QUA140143">#REF!</definedName>
    <definedName name="________________QUA140145" localSheetId="2">#REF!</definedName>
    <definedName name="________________QUA140145">#REF!</definedName>
    <definedName name="________________QUA150130" localSheetId="2">#REF!</definedName>
    <definedName name="________________QUA150130">#REF!</definedName>
    <definedName name="________________QUA170101" localSheetId="2">#REF!</definedName>
    <definedName name="________________QUA170101">#REF!</definedName>
    <definedName name="________________QUA170102" localSheetId="2">#REF!</definedName>
    <definedName name="________________QUA170102">#REF!</definedName>
    <definedName name="________________QUA170103" localSheetId="2">#REF!</definedName>
    <definedName name="________________QUA170103">#REF!</definedName>
    <definedName name="________________R" localSheetId="2">#REF!</definedName>
    <definedName name="________________R">#REF!</definedName>
    <definedName name="________________REC11100" localSheetId="2">#REF!</definedName>
    <definedName name="________________REC11100">#REF!</definedName>
    <definedName name="________________REC11110" localSheetId="2">#REF!</definedName>
    <definedName name="________________REC11110">#REF!</definedName>
    <definedName name="________________REC11115" localSheetId="2">#REF!</definedName>
    <definedName name="________________REC11115">#REF!</definedName>
    <definedName name="________________REC11125" localSheetId="2">#REF!</definedName>
    <definedName name="________________REC11125">#REF!</definedName>
    <definedName name="________________REC11130" localSheetId="2">#REF!</definedName>
    <definedName name="________________REC11130">#REF!</definedName>
    <definedName name="________________REC11135" localSheetId="2">#REF!</definedName>
    <definedName name="________________REC11135">#REF!</definedName>
    <definedName name="________________REC11145" localSheetId="2">#REF!</definedName>
    <definedName name="________________REC11145">#REF!</definedName>
    <definedName name="________________REC11150" localSheetId="2">#REF!</definedName>
    <definedName name="________________REC11150">#REF!</definedName>
    <definedName name="________________REC11165" localSheetId="2">#REF!</definedName>
    <definedName name="________________REC11165">#REF!</definedName>
    <definedName name="________________REC11170" localSheetId="2">#REF!</definedName>
    <definedName name="________________REC11170">#REF!</definedName>
    <definedName name="________________REC11180" localSheetId="2">#REF!</definedName>
    <definedName name="________________REC11180">#REF!</definedName>
    <definedName name="________________REC11185" localSheetId="2">#REF!</definedName>
    <definedName name="________________REC11185">#REF!</definedName>
    <definedName name="________________REC11220" localSheetId="2">#REF!</definedName>
    <definedName name="________________REC11220">#REF!</definedName>
    <definedName name="________________REC12105" localSheetId="2">#REF!</definedName>
    <definedName name="________________REC12105">#REF!</definedName>
    <definedName name="________________REC12555" localSheetId="2">#REF!</definedName>
    <definedName name="________________REC12555">#REF!</definedName>
    <definedName name="________________REC12570" localSheetId="2">#REF!</definedName>
    <definedName name="________________REC12570">#REF!</definedName>
    <definedName name="________________REC12575" localSheetId="2">#REF!</definedName>
    <definedName name="________________REC12575">#REF!</definedName>
    <definedName name="________________REC12580" localSheetId="2">#REF!</definedName>
    <definedName name="________________REC12580">#REF!</definedName>
    <definedName name="________________REC12600" localSheetId="2">#REF!</definedName>
    <definedName name="________________REC12600">#REF!</definedName>
    <definedName name="________________REC12610" localSheetId="2">#REF!</definedName>
    <definedName name="________________REC12610">#REF!</definedName>
    <definedName name="________________REC12630" localSheetId="2">#REF!</definedName>
    <definedName name="________________REC12630">#REF!</definedName>
    <definedName name="________________REC12631" localSheetId="2">#REF!</definedName>
    <definedName name="________________REC12631">#REF!</definedName>
    <definedName name="________________REC12640" localSheetId="2">#REF!</definedName>
    <definedName name="________________REC12640">#REF!</definedName>
    <definedName name="________________REC12645" localSheetId="2">#REF!</definedName>
    <definedName name="________________REC12645">#REF!</definedName>
    <definedName name="________________REC12665" localSheetId="2">#REF!</definedName>
    <definedName name="________________REC12665">#REF!</definedName>
    <definedName name="________________REC12690" localSheetId="2">#REF!</definedName>
    <definedName name="________________REC12690">#REF!</definedName>
    <definedName name="________________REC12700" localSheetId="2">#REF!</definedName>
    <definedName name="________________REC12700">#REF!</definedName>
    <definedName name="________________REC12710" localSheetId="2">#REF!</definedName>
    <definedName name="________________REC12710">#REF!</definedName>
    <definedName name="________________REC13111" localSheetId="2">#REF!</definedName>
    <definedName name="________________REC13111">#REF!</definedName>
    <definedName name="________________REC13112" localSheetId="2">#REF!</definedName>
    <definedName name="________________REC13112">#REF!</definedName>
    <definedName name="________________REC13121" localSheetId="2">#REF!</definedName>
    <definedName name="________________REC13121">#REF!</definedName>
    <definedName name="________________REC13720" localSheetId="2">#REF!</definedName>
    <definedName name="________________REC13720">#REF!</definedName>
    <definedName name="________________REC14100" localSheetId="2">#REF!</definedName>
    <definedName name="________________REC14100">#REF!</definedName>
    <definedName name="________________REC14161" localSheetId="2">#REF!</definedName>
    <definedName name="________________REC14161">#REF!</definedName>
    <definedName name="________________REC14195" localSheetId="2">#REF!</definedName>
    <definedName name="________________REC14195">#REF!</definedName>
    <definedName name="________________REC14205" localSheetId="2">#REF!</definedName>
    <definedName name="________________REC14205">#REF!</definedName>
    <definedName name="________________REC14260" localSheetId="2">#REF!</definedName>
    <definedName name="________________REC14260">#REF!</definedName>
    <definedName name="________________REC14500" localSheetId="2">#REF!</definedName>
    <definedName name="________________REC14500">#REF!</definedName>
    <definedName name="________________REC14515" localSheetId="2">#REF!</definedName>
    <definedName name="________________REC14515">#REF!</definedName>
    <definedName name="________________REC14555" localSheetId="2">#REF!</definedName>
    <definedName name="________________REC14555">#REF!</definedName>
    <definedName name="________________REC14565" localSheetId="2">#REF!</definedName>
    <definedName name="________________REC14565">#REF!</definedName>
    <definedName name="________________REC15135" localSheetId="2">#REF!</definedName>
    <definedName name="________________REC15135">#REF!</definedName>
    <definedName name="________________REC15140" localSheetId="2">#REF!</definedName>
    <definedName name="________________REC15140">#REF!</definedName>
    <definedName name="________________REC15195" localSheetId="2">#REF!</definedName>
    <definedName name="________________REC15195">#REF!</definedName>
    <definedName name="________________REC15225" localSheetId="2">#REF!</definedName>
    <definedName name="________________REC15225">#REF!</definedName>
    <definedName name="________________REC15230" localSheetId="2">#REF!</definedName>
    <definedName name="________________REC15230">#REF!</definedName>
    <definedName name="________________REC15515" localSheetId="2">#REF!</definedName>
    <definedName name="________________REC15515">#REF!</definedName>
    <definedName name="________________REC15560" localSheetId="2">#REF!</definedName>
    <definedName name="________________REC15560">#REF!</definedName>
    <definedName name="________________REC15565" localSheetId="2">#REF!</definedName>
    <definedName name="________________REC15565">#REF!</definedName>
    <definedName name="________________REC15570" localSheetId="2">#REF!</definedName>
    <definedName name="________________REC15570">#REF!</definedName>
    <definedName name="________________REC15575" localSheetId="2">#REF!</definedName>
    <definedName name="________________REC15575">#REF!</definedName>
    <definedName name="________________REC15583" localSheetId="2">#REF!</definedName>
    <definedName name="________________REC15583">#REF!</definedName>
    <definedName name="________________REC15590" localSheetId="2">#REF!</definedName>
    <definedName name="________________REC15590">#REF!</definedName>
    <definedName name="________________REC15591" localSheetId="2">#REF!</definedName>
    <definedName name="________________REC15591">#REF!</definedName>
    <definedName name="________________REC15610" localSheetId="2">#REF!</definedName>
    <definedName name="________________REC15610">#REF!</definedName>
    <definedName name="________________REC15625" localSheetId="2">#REF!</definedName>
    <definedName name="________________REC15625">#REF!</definedName>
    <definedName name="________________REC15635" localSheetId="2">#REF!</definedName>
    <definedName name="________________REC15635">#REF!</definedName>
    <definedName name="________________REC15655" localSheetId="2">#REF!</definedName>
    <definedName name="________________REC15655">#REF!</definedName>
    <definedName name="________________REC15665" localSheetId="2">#REF!</definedName>
    <definedName name="________________REC15665">#REF!</definedName>
    <definedName name="________________REC16515" localSheetId="2">#REF!</definedName>
    <definedName name="________________REC16515">#REF!</definedName>
    <definedName name="________________REC16535" localSheetId="2">#REF!</definedName>
    <definedName name="________________REC16535">#REF!</definedName>
    <definedName name="________________REC17140" localSheetId="2">#REF!</definedName>
    <definedName name="________________REC17140">#REF!</definedName>
    <definedName name="________________REC19500" localSheetId="2">#REF!</definedName>
    <definedName name="________________REC19500">#REF!</definedName>
    <definedName name="________________REC19501" localSheetId="2">#REF!</definedName>
    <definedName name="________________REC19501">#REF!</definedName>
    <definedName name="________________REC19502" localSheetId="2">#REF!</definedName>
    <definedName name="________________REC19502">#REF!</definedName>
    <definedName name="________________REC19503" localSheetId="2">#REF!</definedName>
    <definedName name="________________REC19503">#REF!</definedName>
    <definedName name="________________REC19504" localSheetId="2">#REF!</definedName>
    <definedName name="________________REC19504">#REF!</definedName>
    <definedName name="________________REC19505" localSheetId="2">#REF!</definedName>
    <definedName name="________________REC19505">#REF!</definedName>
    <definedName name="________________REC20100" localSheetId="2">#REF!</definedName>
    <definedName name="________________REC20100">#REF!</definedName>
    <definedName name="________________REC20105" localSheetId="2">#REF!</definedName>
    <definedName name="________________REC20105">#REF!</definedName>
    <definedName name="________________REC20110" localSheetId="2">#REF!</definedName>
    <definedName name="________________REC20110">#REF!</definedName>
    <definedName name="________________REC20115" localSheetId="2">#REF!</definedName>
    <definedName name="________________REC20115">#REF!</definedName>
    <definedName name="________________REC20130" localSheetId="2">#REF!</definedName>
    <definedName name="________________REC20130">#REF!</definedName>
    <definedName name="________________REC20135" localSheetId="2">#REF!</definedName>
    <definedName name="________________REC20135">#REF!</definedName>
    <definedName name="________________REC20140" localSheetId="2">#REF!</definedName>
    <definedName name="________________REC20140">#REF!</definedName>
    <definedName name="________________REC20145" localSheetId="2">#REF!</definedName>
    <definedName name="________________REC20145">#REF!</definedName>
    <definedName name="________________REC20150" localSheetId="2">#REF!</definedName>
    <definedName name="________________REC20150">#REF!</definedName>
    <definedName name="________________REC20155" localSheetId="2">#REF!</definedName>
    <definedName name="________________REC20155">#REF!</definedName>
    <definedName name="________________REC20175" localSheetId="2">#REF!</definedName>
    <definedName name="________________REC20175">#REF!</definedName>
    <definedName name="________________REC20185" localSheetId="2">#REF!</definedName>
    <definedName name="________________REC20185">#REF!</definedName>
    <definedName name="________________REC20190" localSheetId="2">#REF!</definedName>
    <definedName name="________________REC20190">#REF!</definedName>
    <definedName name="________________REC20195" localSheetId="2">#REF!</definedName>
    <definedName name="________________REC20195">#REF!</definedName>
    <definedName name="________________REC20210" localSheetId="2">#REF!</definedName>
    <definedName name="________________REC20210">#REF!</definedName>
    <definedName name="________________RET1">[1]Regula!$J$36</definedName>
    <definedName name="________________svi2" localSheetId="2">#REF!</definedName>
    <definedName name="________________svi2">#REF!</definedName>
    <definedName name="________________TT102" localSheetId="2">'[2]Relatório_1ª med_'!#REF!</definedName>
    <definedName name="________________TT102">'[2]Relatório_1ª med_'!#REF!</definedName>
    <definedName name="________________TT107" localSheetId="2">'[2]Relatório_1ª med_'!#REF!</definedName>
    <definedName name="________________TT107">'[2]Relatório_1ª med_'!#REF!</definedName>
    <definedName name="________________TT121" localSheetId="2">'[2]Relatório_1ª med_'!#REF!</definedName>
    <definedName name="________________TT121">'[2]Relatório_1ª med_'!#REF!</definedName>
    <definedName name="________________TT123" localSheetId="2">'[2]Relatório_1ª med_'!#REF!</definedName>
    <definedName name="________________TT123">'[2]Relatório_1ª med_'!#REF!</definedName>
    <definedName name="________________TT19" localSheetId="2">'[2]Relatório_1ª med_'!#REF!</definedName>
    <definedName name="________________TT19">'[2]Relatório_1ª med_'!#REF!</definedName>
    <definedName name="________________TT20" localSheetId="2">'[2]Relatório_1ª med_'!#REF!</definedName>
    <definedName name="________________TT20">'[2]Relatório_1ª med_'!#REF!</definedName>
    <definedName name="________________TT21" localSheetId="2">'[2]Relatório_1ª med_'!#REF!</definedName>
    <definedName name="________________TT21">'[2]Relatório_1ª med_'!#REF!</definedName>
    <definedName name="________________TT22" localSheetId="2">'[2]Relatório_1ª med_'!#REF!</definedName>
    <definedName name="________________TT22">'[2]Relatório_1ª med_'!#REF!</definedName>
    <definedName name="________________TT26" localSheetId="2">'[2]Relatório_1ª med_'!#REF!</definedName>
    <definedName name="________________TT26">'[2]Relatório_1ª med_'!#REF!</definedName>
    <definedName name="________________TT27" localSheetId="2">'[2]Relatório_1ª med_'!#REF!</definedName>
    <definedName name="________________TT27">'[2]Relatório_1ª med_'!#REF!</definedName>
    <definedName name="________________TT28" localSheetId="2">'[2]Relatório_1ª med_'!#REF!</definedName>
    <definedName name="________________TT28">'[2]Relatório_1ª med_'!#REF!</definedName>
    <definedName name="________________TT30" localSheetId="2">'[2]Relatório_1ª med_'!#REF!</definedName>
    <definedName name="________________TT30">'[2]Relatório_1ª med_'!#REF!</definedName>
    <definedName name="________________TT31" localSheetId="2">'[2]Relatório_1ª med_'!#REF!</definedName>
    <definedName name="________________TT31">'[2]Relatório_1ª med_'!#REF!</definedName>
    <definedName name="________________TT32" localSheetId="2">'[2]Relatório_1ª med_'!#REF!</definedName>
    <definedName name="________________TT32">'[2]Relatório_1ª med_'!#REF!</definedName>
    <definedName name="________________TT33" localSheetId="2">'[2]Relatório_1ª med_'!#REF!</definedName>
    <definedName name="________________TT33">'[2]Relatório_1ª med_'!#REF!</definedName>
    <definedName name="________________TT34" localSheetId="2">'[2]Relatório_1ª med_'!#REF!</definedName>
    <definedName name="________________TT34">'[2]Relatório_1ª med_'!#REF!</definedName>
    <definedName name="________________TT36" localSheetId="2">'[2]Relatório_1ª med_'!#REF!</definedName>
    <definedName name="________________TT36">'[2]Relatório_1ª med_'!#REF!</definedName>
    <definedName name="________________TT37" localSheetId="2">'[2]Relatório_1ª med_'!#REF!</definedName>
    <definedName name="________________TT37">'[2]Relatório_1ª med_'!#REF!</definedName>
    <definedName name="________________TT38" localSheetId="2">'[2]Relatório_1ª med_'!#REF!</definedName>
    <definedName name="________________TT38">'[2]Relatório_1ª med_'!#REF!</definedName>
    <definedName name="________________TT39" localSheetId="2">'[2]Relatório_1ª med_'!#REF!</definedName>
    <definedName name="________________TT39">'[2]Relatório_1ª med_'!#REF!</definedName>
    <definedName name="________________TT40" localSheetId="2">'[2]Relatório_1ª med_'!#REF!</definedName>
    <definedName name="________________TT40">'[2]Relatório_1ª med_'!#REF!</definedName>
    <definedName name="________________TT5" localSheetId="2">'[2]Relatório_1ª med_'!#REF!</definedName>
    <definedName name="________________TT5">'[2]Relatório_1ª med_'!#REF!</definedName>
    <definedName name="________________TT52" localSheetId="2">'[2]Relatório_1ª med_'!#REF!</definedName>
    <definedName name="________________TT52">'[2]Relatório_1ª med_'!#REF!</definedName>
    <definedName name="________________TT53" localSheetId="2">'[2]Relatório_1ª med_'!#REF!</definedName>
    <definedName name="________________TT53">'[2]Relatório_1ª med_'!#REF!</definedName>
    <definedName name="________________TT54" localSheetId="2">'[2]Relatório_1ª med_'!#REF!</definedName>
    <definedName name="________________TT54">'[2]Relatório_1ª med_'!#REF!</definedName>
    <definedName name="________________TT55" localSheetId="2">'[2]Relatório_1ª med_'!#REF!</definedName>
    <definedName name="________________TT55">'[2]Relatório_1ª med_'!#REF!</definedName>
    <definedName name="________________TT6" localSheetId="2">'[2]Relatório_1ª med_'!#REF!</definedName>
    <definedName name="________________TT6">'[2]Relatório_1ª med_'!#REF!</definedName>
    <definedName name="________________TT60" localSheetId="2">'[2]Relatório_1ª med_'!#REF!</definedName>
    <definedName name="________________TT60">'[2]Relatório_1ª med_'!#REF!</definedName>
    <definedName name="________________TT61" localSheetId="2">'[2]Relatório_1ª med_'!#REF!</definedName>
    <definedName name="________________TT61">'[2]Relatório_1ª med_'!#REF!</definedName>
    <definedName name="________________TT69" localSheetId="2">'[2]Relatório_1ª med_'!#REF!</definedName>
    <definedName name="________________TT69">'[2]Relatório_1ª med_'!#REF!</definedName>
    <definedName name="________________TT7" localSheetId="2">'[2]Relatório_1ª med_'!#REF!</definedName>
    <definedName name="________________TT7">'[2]Relatório_1ª med_'!#REF!</definedName>
    <definedName name="________________TT70" localSheetId="2">'[2]Relatório_1ª med_'!#REF!</definedName>
    <definedName name="________________TT70">'[2]Relatório_1ª med_'!#REF!</definedName>
    <definedName name="________________TT71" localSheetId="2">'[2]Relatório_1ª med_'!#REF!</definedName>
    <definedName name="________________TT71">'[2]Relatório_1ª med_'!#REF!</definedName>
    <definedName name="________________TT74" localSheetId="2">'[2]Relatório_1ª med_'!#REF!</definedName>
    <definedName name="________________TT74">'[2]Relatório_1ª med_'!#REF!</definedName>
    <definedName name="________________TT75" localSheetId="2">'[2]Relatório_1ª med_'!#REF!</definedName>
    <definedName name="________________TT75">'[2]Relatório_1ª med_'!#REF!</definedName>
    <definedName name="________________TT76" localSheetId="2">'[2]Relatório_1ª med_'!#REF!</definedName>
    <definedName name="________________TT76">'[2]Relatório_1ª med_'!#REF!</definedName>
    <definedName name="________________TT77" localSheetId="2">'[2]Relatório_1ª med_'!#REF!</definedName>
    <definedName name="________________TT77">'[2]Relatório_1ª med_'!#REF!</definedName>
    <definedName name="________________TT78" localSheetId="2">'[2]Relatório_1ª med_'!#REF!</definedName>
    <definedName name="________________TT78">'[2]Relatório_1ª med_'!#REF!</definedName>
    <definedName name="________________TT79" localSheetId="2">'[2]Relatório_1ª med_'!#REF!</definedName>
    <definedName name="________________TT79">'[2]Relatório_1ª med_'!#REF!</definedName>
    <definedName name="________________TT94" localSheetId="2">'[2]Relatório_1ª med_'!#REF!</definedName>
    <definedName name="________________TT94">'[2]Relatório_1ª med_'!#REF!</definedName>
    <definedName name="________________TT95" localSheetId="2">'[2]Relatório_1ª med_'!#REF!</definedName>
    <definedName name="________________TT95">'[2]Relatório_1ª med_'!#REF!</definedName>
    <definedName name="________________TT97" localSheetId="2">'[2]Relatório_1ª med_'!#REF!</definedName>
    <definedName name="________________TT97">'[2]Relatório_1ª med_'!#REF!</definedName>
    <definedName name="________________UNI11100" localSheetId="2">#REF!</definedName>
    <definedName name="________________UNI11100">#REF!</definedName>
    <definedName name="________________UNI11110" localSheetId="2">#REF!</definedName>
    <definedName name="________________UNI11110">#REF!</definedName>
    <definedName name="________________UNI11115" localSheetId="2">#REF!</definedName>
    <definedName name="________________UNI11115">#REF!</definedName>
    <definedName name="________________UNI11125" localSheetId="2">#REF!</definedName>
    <definedName name="________________UNI11125">#REF!</definedName>
    <definedName name="________________UNI11130" localSheetId="2">#REF!</definedName>
    <definedName name="________________UNI11130">#REF!</definedName>
    <definedName name="________________UNI11135" localSheetId="2">#REF!</definedName>
    <definedName name="________________UNI11135">#REF!</definedName>
    <definedName name="________________UNI11145" localSheetId="2">#REF!</definedName>
    <definedName name="________________UNI11145">#REF!</definedName>
    <definedName name="________________UNI11150" localSheetId="2">#REF!</definedName>
    <definedName name="________________UNI11150">#REF!</definedName>
    <definedName name="________________UNI11165" localSheetId="2">#REF!</definedName>
    <definedName name="________________UNI11165">#REF!</definedName>
    <definedName name="________________UNI11170" localSheetId="2">#REF!</definedName>
    <definedName name="________________UNI11170">#REF!</definedName>
    <definedName name="________________UNI11180" localSheetId="2">#REF!</definedName>
    <definedName name="________________UNI11180">#REF!</definedName>
    <definedName name="________________UNI11185" localSheetId="2">#REF!</definedName>
    <definedName name="________________UNI11185">#REF!</definedName>
    <definedName name="________________UNI11220" localSheetId="2">#REF!</definedName>
    <definedName name="________________UNI11220">#REF!</definedName>
    <definedName name="________________UNI12105" localSheetId="2">#REF!</definedName>
    <definedName name="________________UNI12105">#REF!</definedName>
    <definedName name="________________UNI12555" localSheetId="2">#REF!</definedName>
    <definedName name="________________UNI12555">#REF!</definedName>
    <definedName name="________________UNI12570" localSheetId="2">#REF!</definedName>
    <definedName name="________________UNI12570">#REF!</definedName>
    <definedName name="________________UNI12575" localSheetId="2">#REF!</definedName>
    <definedName name="________________UNI12575">#REF!</definedName>
    <definedName name="________________UNI12580" localSheetId="2">#REF!</definedName>
    <definedName name="________________UNI12580">#REF!</definedName>
    <definedName name="________________UNI12600" localSheetId="2">#REF!</definedName>
    <definedName name="________________UNI12600">#REF!</definedName>
    <definedName name="________________UNI12610" localSheetId="2">#REF!</definedName>
    <definedName name="________________UNI12610">#REF!</definedName>
    <definedName name="________________UNI12630" localSheetId="2">#REF!</definedName>
    <definedName name="________________UNI12630">#REF!</definedName>
    <definedName name="________________UNI12631" localSheetId="2">#REF!</definedName>
    <definedName name="________________UNI12631">#REF!</definedName>
    <definedName name="________________UNI12640" localSheetId="2">#REF!</definedName>
    <definedName name="________________UNI12640">#REF!</definedName>
    <definedName name="________________UNI12645" localSheetId="2">#REF!</definedName>
    <definedName name="________________UNI12645">#REF!</definedName>
    <definedName name="________________UNI12665" localSheetId="2">#REF!</definedName>
    <definedName name="________________UNI12665">#REF!</definedName>
    <definedName name="________________UNI12690" localSheetId="2">#REF!</definedName>
    <definedName name="________________UNI12690">#REF!</definedName>
    <definedName name="________________UNI12700" localSheetId="2">#REF!</definedName>
    <definedName name="________________UNI12700">#REF!</definedName>
    <definedName name="________________UNI12710" localSheetId="2">#REF!</definedName>
    <definedName name="________________UNI12710">#REF!</definedName>
    <definedName name="________________UNI13111" localSheetId="2">#REF!</definedName>
    <definedName name="________________UNI13111">#REF!</definedName>
    <definedName name="________________UNI13112" localSheetId="2">#REF!</definedName>
    <definedName name="________________UNI13112">#REF!</definedName>
    <definedName name="________________UNI13121" localSheetId="2">#REF!</definedName>
    <definedName name="________________UNI13121">#REF!</definedName>
    <definedName name="________________UNI13720" localSheetId="2">#REF!</definedName>
    <definedName name="________________UNI13720">#REF!</definedName>
    <definedName name="________________UNI14100" localSheetId="2">#REF!</definedName>
    <definedName name="________________UNI14100">#REF!</definedName>
    <definedName name="________________UNI14161" localSheetId="2">#REF!</definedName>
    <definedName name="________________UNI14161">#REF!</definedName>
    <definedName name="________________UNI14195" localSheetId="2">#REF!</definedName>
    <definedName name="________________UNI14195">#REF!</definedName>
    <definedName name="________________UNI14205" localSheetId="2">#REF!</definedName>
    <definedName name="________________UNI14205">#REF!</definedName>
    <definedName name="________________UNI14260" localSheetId="2">#REF!</definedName>
    <definedName name="________________UNI14260">#REF!</definedName>
    <definedName name="________________UNI14500" localSheetId="2">#REF!</definedName>
    <definedName name="________________UNI14500">#REF!</definedName>
    <definedName name="________________UNI14515" localSheetId="2">#REF!</definedName>
    <definedName name="________________UNI14515">#REF!</definedName>
    <definedName name="________________UNI14555" localSheetId="2">#REF!</definedName>
    <definedName name="________________UNI14555">#REF!</definedName>
    <definedName name="________________UNI14565" localSheetId="2">#REF!</definedName>
    <definedName name="________________UNI14565">#REF!</definedName>
    <definedName name="________________UNI15135" localSheetId="2">#REF!</definedName>
    <definedName name="________________UNI15135">#REF!</definedName>
    <definedName name="________________UNI15140" localSheetId="2">#REF!</definedName>
    <definedName name="________________UNI15140">#REF!</definedName>
    <definedName name="________________UNI15195" localSheetId="2">#REF!</definedName>
    <definedName name="________________UNI15195">#REF!</definedName>
    <definedName name="________________UNI15225" localSheetId="2">#REF!</definedName>
    <definedName name="________________UNI15225">#REF!</definedName>
    <definedName name="________________UNI15230" localSheetId="2">#REF!</definedName>
    <definedName name="________________UNI15230">#REF!</definedName>
    <definedName name="________________UNI15515" localSheetId="2">#REF!</definedName>
    <definedName name="________________UNI15515">#REF!</definedName>
    <definedName name="________________UNI15560" localSheetId="2">#REF!</definedName>
    <definedName name="________________UNI15560">#REF!</definedName>
    <definedName name="________________UNI15565" localSheetId="2">#REF!</definedName>
    <definedName name="________________UNI15565">#REF!</definedName>
    <definedName name="________________UNI15570" localSheetId="2">#REF!</definedName>
    <definedName name="________________UNI15570">#REF!</definedName>
    <definedName name="________________UNI15575" localSheetId="2">#REF!</definedName>
    <definedName name="________________UNI15575">#REF!</definedName>
    <definedName name="________________UNI15583" localSheetId="2">#REF!</definedName>
    <definedName name="________________UNI15583">#REF!</definedName>
    <definedName name="________________UNI15590" localSheetId="2">#REF!</definedName>
    <definedName name="________________UNI15590">#REF!</definedName>
    <definedName name="________________UNI15591" localSheetId="2">#REF!</definedName>
    <definedName name="________________UNI15591">#REF!</definedName>
    <definedName name="________________UNI15610" localSheetId="2">#REF!</definedName>
    <definedName name="________________UNI15610">#REF!</definedName>
    <definedName name="________________UNI15625" localSheetId="2">#REF!</definedName>
    <definedName name="________________UNI15625">#REF!</definedName>
    <definedName name="________________UNI15635" localSheetId="2">#REF!</definedName>
    <definedName name="________________UNI15635">#REF!</definedName>
    <definedName name="________________UNI15655" localSheetId="2">#REF!</definedName>
    <definedName name="________________UNI15655">#REF!</definedName>
    <definedName name="________________UNI15665" localSheetId="2">#REF!</definedName>
    <definedName name="________________UNI15665">#REF!</definedName>
    <definedName name="________________UNI16515" localSheetId="2">#REF!</definedName>
    <definedName name="________________UNI16515">#REF!</definedName>
    <definedName name="________________UNI16535" localSheetId="2">#REF!</definedName>
    <definedName name="________________UNI16535">#REF!</definedName>
    <definedName name="________________UNI17140" localSheetId="2">#REF!</definedName>
    <definedName name="________________UNI17140">#REF!</definedName>
    <definedName name="________________UNI19500" localSheetId="2">#REF!</definedName>
    <definedName name="________________UNI19500">#REF!</definedName>
    <definedName name="________________UNI19501" localSheetId="2">#REF!</definedName>
    <definedName name="________________UNI19501">#REF!</definedName>
    <definedName name="________________UNI19502" localSheetId="2">#REF!</definedName>
    <definedName name="________________UNI19502">#REF!</definedName>
    <definedName name="________________UNI19503" localSheetId="2">#REF!</definedName>
    <definedName name="________________UNI19503">#REF!</definedName>
    <definedName name="________________UNI19504" localSheetId="2">#REF!</definedName>
    <definedName name="________________UNI19504">#REF!</definedName>
    <definedName name="________________UNI19505" localSheetId="2">#REF!</definedName>
    <definedName name="________________UNI19505">#REF!</definedName>
    <definedName name="________________UNI20100" localSheetId="2">#REF!</definedName>
    <definedName name="________________UNI20100">#REF!</definedName>
    <definedName name="________________UNI20105" localSheetId="2">#REF!</definedName>
    <definedName name="________________UNI20105">#REF!</definedName>
    <definedName name="________________UNI20110" localSheetId="2">#REF!</definedName>
    <definedName name="________________UNI20110">#REF!</definedName>
    <definedName name="________________UNI20115" localSheetId="2">#REF!</definedName>
    <definedName name="________________UNI20115">#REF!</definedName>
    <definedName name="________________UNI20130" localSheetId="2">#REF!</definedName>
    <definedName name="________________UNI20130">#REF!</definedName>
    <definedName name="________________UNI20140" localSheetId="2">#REF!</definedName>
    <definedName name="________________UNI20140">#REF!</definedName>
    <definedName name="________________UNI20145" localSheetId="2">#REF!</definedName>
    <definedName name="________________UNI20145">#REF!</definedName>
    <definedName name="________________UNI20150" localSheetId="2">#REF!</definedName>
    <definedName name="________________UNI20150">#REF!</definedName>
    <definedName name="________________UNI20155" localSheetId="2">#REF!</definedName>
    <definedName name="________________UNI20155">#REF!</definedName>
    <definedName name="________________UNI20175" localSheetId="2">#REF!</definedName>
    <definedName name="________________UNI20175">#REF!</definedName>
    <definedName name="________________UNI20185" localSheetId="2">#REF!</definedName>
    <definedName name="________________UNI20185">#REF!</definedName>
    <definedName name="________________UNI20190" localSheetId="2">#REF!</definedName>
    <definedName name="________________UNI20190">#REF!</definedName>
    <definedName name="________________UNI20195" localSheetId="2">#REF!</definedName>
    <definedName name="________________UNI20195">#REF!</definedName>
    <definedName name="________________UNI20210" localSheetId="2">#REF!</definedName>
    <definedName name="________________UNI20210">#REF!</definedName>
    <definedName name="________________VAL11100" localSheetId="2">#REF!</definedName>
    <definedName name="________________VAL11100">#REF!</definedName>
    <definedName name="________________VAL11110" localSheetId="2">#REF!</definedName>
    <definedName name="________________VAL11110">#REF!</definedName>
    <definedName name="________________VAL11115" localSheetId="2">#REF!</definedName>
    <definedName name="________________VAL11115">#REF!</definedName>
    <definedName name="________________VAL11125" localSheetId="2">#REF!</definedName>
    <definedName name="________________VAL11125">#REF!</definedName>
    <definedName name="________________VAL11130" localSheetId="2">#REF!</definedName>
    <definedName name="________________VAL11130">#REF!</definedName>
    <definedName name="________________VAL11135" localSheetId="2">#REF!</definedName>
    <definedName name="________________VAL11135">#REF!</definedName>
    <definedName name="________________VAL11145" localSheetId="2">#REF!</definedName>
    <definedName name="________________VAL11145">#REF!</definedName>
    <definedName name="________________VAL11150" localSheetId="2">#REF!</definedName>
    <definedName name="________________VAL11150">#REF!</definedName>
    <definedName name="________________VAL11165" localSheetId="2">#REF!</definedName>
    <definedName name="________________VAL11165">#REF!</definedName>
    <definedName name="________________VAL11170" localSheetId="2">#REF!</definedName>
    <definedName name="________________VAL11170">#REF!</definedName>
    <definedName name="________________VAL11180" localSheetId="2">#REF!</definedName>
    <definedName name="________________VAL11180">#REF!</definedName>
    <definedName name="________________VAL11185" localSheetId="2">#REF!</definedName>
    <definedName name="________________VAL11185">#REF!</definedName>
    <definedName name="________________VAL11220" localSheetId="2">#REF!</definedName>
    <definedName name="________________VAL11220">#REF!</definedName>
    <definedName name="________________VAL12105" localSheetId="2">#REF!</definedName>
    <definedName name="________________VAL12105">#REF!</definedName>
    <definedName name="________________VAL12555" localSheetId="2">#REF!</definedName>
    <definedName name="________________VAL12555">#REF!</definedName>
    <definedName name="________________VAL12570" localSheetId="2">#REF!</definedName>
    <definedName name="________________VAL12570">#REF!</definedName>
    <definedName name="________________VAL12575" localSheetId="2">#REF!</definedName>
    <definedName name="________________VAL12575">#REF!</definedName>
    <definedName name="________________VAL12580" localSheetId="2">#REF!</definedName>
    <definedName name="________________VAL12580">#REF!</definedName>
    <definedName name="________________VAL12600" localSheetId="2">#REF!</definedName>
    <definedName name="________________VAL12600">#REF!</definedName>
    <definedName name="________________VAL12610" localSheetId="2">#REF!</definedName>
    <definedName name="________________VAL12610">#REF!</definedName>
    <definedName name="________________VAL12630" localSheetId="2">#REF!</definedName>
    <definedName name="________________VAL12630">#REF!</definedName>
    <definedName name="________________VAL12631" localSheetId="2">#REF!</definedName>
    <definedName name="________________VAL12631">#REF!</definedName>
    <definedName name="________________VAL12640" localSheetId="2">#REF!</definedName>
    <definedName name="________________VAL12640">#REF!</definedName>
    <definedName name="________________VAL12645" localSheetId="2">#REF!</definedName>
    <definedName name="________________VAL12645">#REF!</definedName>
    <definedName name="________________VAL12665" localSheetId="2">#REF!</definedName>
    <definedName name="________________VAL12665">#REF!</definedName>
    <definedName name="________________VAL12690" localSheetId="2">#REF!</definedName>
    <definedName name="________________VAL12690">#REF!</definedName>
    <definedName name="________________VAL12700" localSheetId="2">#REF!</definedName>
    <definedName name="________________VAL12700">#REF!</definedName>
    <definedName name="________________VAL12710" localSheetId="2">#REF!</definedName>
    <definedName name="________________VAL12710">#REF!</definedName>
    <definedName name="________________VAL13111" localSheetId="2">#REF!</definedName>
    <definedName name="________________VAL13111">#REF!</definedName>
    <definedName name="________________VAL13112" localSheetId="2">#REF!</definedName>
    <definedName name="________________VAL13112">#REF!</definedName>
    <definedName name="________________VAL13121" localSheetId="2">#REF!</definedName>
    <definedName name="________________VAL13121">#REF!</definedName>
    <definedName name="________________VAL13720" localSheetId="2">#REF!</definedName>
    <definedName name="________________VAL13720">#REF!</definedName>
    <definedName name="________________VAL14100" localSheetId="2">#REF!</definedName>
    <definedName name="________________VAL14100">#REF!</definedName>
    <definedName name="________________VAL14161" localSheetId="2">#REF!</definedName>
    <definedName name="________________VAL14161">#REF!</definedName>
    <definedName name="________________VAL14195" localSheetId="2">#REF!</definedName>
    <definedName name="________________VAL14195">#REF!</definedName>
    <definedName name="________________VAL14205" localSheetId="2">#REF!</definedName>
    <definedName name="________________VAL14205">#REF!</definedName>
    <definedName name="________________VAL14260" localSheetId="2">#REF!</definedName>
    <definedName name="________________VAL14260">#REF!</definedName>
    <definedName name="________________VAL14500" localSheetId="2">#REF!</definedName>
    <definedName name="________________VAL14500">#REF!</definedName>
    <definedName name="________________VAL14515" localSheetId="2">#REF!</definedName>
    <definedName name="________________VAL14515">#REF!</definedName>
    <definedName name="________________VAL14555" localSheetId="2">#REF!</definedName>
    <definedName name="________________VAL14555">#REF!</definedName>
    <definedName name="________________VAL14565" localSheetId="2">#REF!</definedName>
    <definedName name="________________VAL14565">#REF!</definedName>
    <definedName name="________________VAL15135" localSheetId="2">#REF!</definedName>
    <definedName name="________________VAL15135">#REF!</definedName>
    <definedName name="________________VAL15140" localSheetId="2">#REF!</definedName>
    <definedName name="________________VAL15140">#REF!</definedName>
    <definedName name="________________VAL15195" localSheetId="2">#REF!</definedName>
    <definedName name="________________VAL15195">#REF!</definedName>
    <definedName name="________________VAL15225" localSheetId="2">#REF!</definedName>
    <definedName name="________________VAL15225">#REF!</definedName>
    <definedName name="________________VAL15230" localSheetId="2">#REF!</definedName>
    <definedName name="________________VAL15230">#REF!</definedName>
    <definedName name="________________VAL15515" localSheetId="2">#REF!</definedName>
    <definedName name="________________VAL15515">#REF!</definedName>
    <definedName name="________________VAL15560" localSheetId="2">#REF!</definedName>
    <definedName name="________________VAL15560">#REF!</definedName>
    <definedName name="________________VAL15565" localSheetId="2">#REF!</definedName>
    <definedName name="________________VAL15565">#REF!</definedName>
    <definedName name="________________VAL15570" localSheetId="2">#REF!</definedName>
    <definedName name="________________VAL15570">#REF!</definedName>
    <definedName name="________________VAL15575" localSheetId="2">#REF!</definedName>
    <definedName name="________________VAL15575">#REF!</definedName>
    <definedName name="________________VAL15583" localSheetId="2">#REF!</definedName>
    <definedName name="________________VAL15583">#REF!</definedName>
    <definedName name="________________VAL15590" localSheetId="2">#REF!</definedName>
    <definedName name="________________VAL15590">#REF!</definedName>
    <definedName name="________________VAL15591" localSheetId="2">#REF!</definedName>
    <definedName name="________________VAL15591">#REF!</definedName>
    <definedName name="________________VAL15610" localSheetId="2">#REF!</definedName>
    <definedName name="________________VAL15610">#REF!</definedName>
    <definedName name="________________VAL15625" localSheetId="2">#REF!</definedName>
    <definedName name="________________VAL15625">#REF!</definedName>
    <definedName name="________________VAL15635" localSheetId="2">#REF!</definedName>
    <definedName name="________________VAL15635">#REF!</definedName>
    <definedName name="________________VAL15655" localSheetId="2">#REF!</definedName>
    <definedName name="________________VAL15655">#REF!</definedName>
    <definedName name="________________VAL15665" localSheetId="2">#REF!</definedName>
    <definedName name="________________VAL15665">#REF!</definedName>
    <definedName name="________________VAL16515" localSheetId="2">#REF!</definedName>
    <definedName name="________________VAL16515">#REF!</definedName>
    <definedName name="________________VAL16535" localSheetId="2">#REF!</definedName>
    <definedName name="________________VAL16535">#REF!</definedName>
    <definedName name="________________VAL17140" localSheetId="2">#REF!</definedName>
    <definedName name="________________VAL17140">#REF!</definedName>
    <definedName name="________________VAL19500" localSheetId="2">#REF!</definedName>
    <definedName name="________________VAL19500">#REF!</definedName>
    <definedName name="________________VAL19501" localSheetId="2">#REF!</definedName>
    <definedName name="________________VAL19501">#REF!</definedName>
    <definedName name="________________VAL19502" localSheetId="2">#REF!</definedName>
    <definedName name="________________VAL19502">#REF!</definedName>
    <definedName name="________________VAL19503" localSheetId="2">#REF!</definedName>
    <definedName name="________________VAL19503">#REF!</definedName>
    <definedName name="________________VAL19504" localSheetId="2">#REF!</definedName>
    <definedName name="________________VAL19504">#REF!</definedName>
    <definedName name="________________VAL19505" localSheetId="2">#REF!</definedName>
    <definedName name="________________VAL19505">#REF!</definedName>
    <definedName name="________________VAL20100" localSheetId="2">#REF!</definedName>
    <definedName name="________________VAL20100">#REF!</definedName>
    <definedName name="________________VAL20105" localSheetId="2">#REF!</definedName>
    <definedName name="________________VAL20105">#REF!</definedName>
    <definedName name="________________VAL20110" localSheetId="2">#REF!</definedName>
    <definedName name="________________VAL20110">#REF!</definedName>
    <definedName name="________________VAL20115" localSheetId="2">#REF!</definedName>
    <definedName name="________________VAL20115">#REF!</definedName>
    <definedName name="________________VAL20130" localSheetId="2">#REF!</definedName>
    <definedName name="________________VAL20130">#REF!</definedName>
    <definedName name="________________VAL20135" localSheetId="2">#REF!</definedName>
    <definedName name="________________VAL20135">#REF!</definedName>
    <definedName name="________________VAL20140" localSheetId="2">#REF!</definedName>
    <definedName name="________________VAL20140">#REF!</definedName>
    <definedName name="________________VAL20145" localSheetId="2">#REF!</definedName>
    <definedName name="________________VAL20145">#REF!</definedName>
    <definedName name="________________VAL20150" localSheetId="2">#REF!</definedName>
    <definedName name="________________VAL20150">#REF!</definedName>
    <definedName name="________________VAL20155" localSheetId="2">#REF!</definedName>
    <definedName name="________________VAL20155">#REF!</definedName>
    <definedName name="________________VAL20175" localSheetId="2">#REF!</definedName>
    <definedName name="________________VAL20175">#REF!</definedName>
    <definedName name="________________VAL20185" localSheetId="2">#REF!</definedName>
    <definedName name="________________VAL20185">#REF!</definedName>
    <definedName name="________________VAL20190" localSheetId="2">#REF!</definedName>
    <definedName name="________________VAL20190">#REF!</definedName>
    <definedName name="________________VAL20195" localSheetId="2">#REF!</definedName>
    <definedName name="________________VAL20195">#REF!</definedName>
    <definedName name="________________VAL20210" localSheetId="2">#REF!</definedName>
    <definedName name="________________VAL20210">#REF!</definedName>
    <definedName name="_______________UNI20135" localSheetId="2">#REF!</definedName>
    <definedName name="_______________UNI20135">#REF!</definedName>
    <definedName name="______________A1" localSheetId="2">#REF!</definedName>
    <definedName name="______________A1">#REF!</definedName>
    <definedName name="______________cab1" localSheetId="2">#REF!</definedName>
    <definedName name="______________cab1">#REF!</definedName>
    <definedName name="______________COM010201" localSheetId="2">#REF!</definedName>
    <definedName name="______________COM010201">#REF!</definedName>
    <definedName name="______________COM010202" localSheetId="2">#REF!</definedName>
    <definedName name="______________COM010202">#REF!</definedName>
    <definedName name="______________COM010205" localSheetId="2">#REF!</definedName>
    <definedName name="______________COM010205">#REF!</definedName>
    <definedName name="______________COM010206" localSheetId="2">#REF!</definedName>
    <definedName name="______________COM010206">#REF!</definedName>
    <definedName name="______________COM010210" localSheetId="2">#REF!</definedName>
    <definedName name="______________COM010210">#REF!</definedName>
    <definedName name="______________COM010301" localSheetId="2">#REF!</definedName>
    <definedName name="______________COM010301">#REF!</definedName>
    <definedName name="______________COM010401" localSheetId="2">#REF!</definedName>
    <definedName name="______________COM010401">#REF!</definedName>
    <definedName name="______________COM010402" localSheetId="2">#REF!</definedName>
    <definedName name="______________COM010402">#REF!</definedName>
    <definedName name="______________COM010407" localSheetId="2">#REF!</definedName>
    <definedName name="______________COM010407">#REF!</definedName>
    <definedName name="______________COM010413" localSheetId="2">#REF!</definedName>
    <definedName name="______________COM010413">#REF!</definedName>
    <definedName name="______________COM010501" localSheetId="2">#REF!</definedName>
    <definedName name="______________COM010501">#REF!</definedName>
    <definedName name="______________COM010503" localSheetId="2">#REF!</definedName>
    <definedName name="______________COM010503">#REF!</definedName>
    <definedName name="______________COM010505" localSheetId="2">#REF!</definedName>
    <definedName name="______________COM010505">#REF!</definedName>
    <definedName name="______________COM010509" localSheetId="2">#REF!</definedName>
    <definedName name="______________COM010509">#REF!</definedName>
    <definedName name="______________COM010512" localSheetId="2">#REF!</definedName>
    <definedName name="______________COM010512">#REF!</definedName>
    <definedName name="______________COM010518" localSheetId="2">#REF!</definedName>
    <definedName name="______________COM010518">#REF!</definedName>
    <definedName name="______________COM010519" localSheetId="2">#REF!</definedName>
    <definedName name="______________COM010519">#REF!</definedName>
    <definedName name="______________COM010521" localSheetId="2">#REF!</definedName>
    <definedName name="______________COM010521">#REF!</definedName>
    <definedName name="______________COM010523" localSheetId="2">#REF!</definedName>
    <definedName name="______________COM010523">#REF!</definedName>
    <definedName name="______________COM010532" localSheetId="2">#REF!</definedName>
    <definedName name="______________COM010532">#REF!</definedName>
    <definedName name="______________COM010533" localSheetId="2">#REF!</definedName>
    <definedName name="______________COM010533">#REF!</definedName>
    <definedName name="______________COM010536" localSheetId="2">#REF!</definedName>
    <definedName name="______________COM010536">#REF!</definedName>
    <definedName name="______________COM010701" localSheetId="2">#REF!</definedName>
    <definedName name="______________COM010701">#REF!</definedName>
    <definedName name="______________COM010703" localSheetId="2">#REF!</definedName>
    <definedName name="______________COM010703">#REF!</definedName>
    <definedName name="______________COM010705" localSheetId="2">#REF!</definedName>
    <definedName name="______________COM010705">#REF!</definedName>
    <definedName name="______________COM010708" localSheetId="2">#REF!</definedName>
    <definedName name="______________COM010708">#REF!</definedName>
    <definedName name="______________COM010710" localSheetId="2">#REF!</definedName>
    <definedName name="______________COM010710">#REF!</definedName>
    <definedName name="______________COM010712" localSheetId="2">#REF!</definedName>
    <definedName name="______________COM010712">#REF!</definedName>
    <definedName name="______________COM010717" localSheetId="2">#REF!</definedName>
    <definedName name="______________COM010717">#REF!</definedName>
    <definedName name="______________COM010718" localSheetId="2">#REF!</definedName>
    <definedName name="______________COM010718">#REF!</definedName>
    <definedName name="______________COM020201" localSheetId="2">#REF!</definedName>
    <definedName name="______________COM020201">#REF!</definedName>
    <definedName name="______________COM020205" localSheetId="2">#REF!</definedName>
    <definedName name="______________COM020205">#REF!</definedName>
    <definedName name="______________COM020211" localSheetId="2">#REF!</definedName>
    <definedName name="______________COM020211">#REF!</definedName>
    <definedName name="______________COM020217" localSheetId="2">#REF!</definedName>
    <definedName name="______________COM020217">#REF!</definedName>
    <definedName name="______________COM030102" localSheetId="2">#REF!</definedName>
    <definedName name="______________COM030102">#REF!</definedName>
    <definedName name="______________COM030201" localSheetId="2">#REF!</definedName>
    <definedName name="______________COM030201">#REF!</definedName>
    <definedName name="______________COM030303" localSheetId="2">#REF!</definedName>
    <definedName name="______________COM030303">#REF!</definedName>
    <definedName name="______________COM030317" localSheetId="2">#REF!</definedName>
    <definedName name="______________COM030317">#REF!</definedName>
    <definedName name="______________COM040101" localSheetId="2">#REF!</definedName>
    <definedName name="______________COM040101">#REF!</definedName>
    <definedName name="______________COM040202" localSheetId="2">#REF!</definedName>
    <definedName name="______________COM040202">#REF!</definedName>
    <definedName name="______________COM050103" localSheetId="2">#REF!</definedName>
    <definedName name="______________COM050103">#REF!</definedName>
    <definedName name="______________COM050207" localSheetId="2">#REF!</definedName>
    <definedName name="______________COM050207">#REF!</definedName>
    <definedName name="______________COM060101" localSheetId="2">#REF!</definedName>
    <definedName name="______________COM060101">#REF!</definedName>
    <definedName name="______________COM080101" localSheetId="2">#REF!</definedName>
    <definedName name="______________COM080101">#REF!</definedName>
    <definedName name="______________COM080310" localSheetId="2">#REF!</definedName>
    <definedName name="______________COM080310">#REF!</definedName>
    <definedName name="______________COM090101" localSheetId="2">#REF!</definedName>
    <definedName name="______________COM090101">#REF!</definedName>
    <definedName name="______________COM100302" localSheetId="2">#REF!</definedName>
    <definedName name="______________COM100302">#REF!</definedName>
    <definedName name="______________COM110101" localSheetId="2">#REF!</definedName>
    <definedName name="______________COM110101">#REF!</definedName>
    <definedName name="______________COM110104" localSheetId="2">#REF!</definedName>
    <definedName name="______________COM110104">#REF!</definedName>
    <definedName name="______________COM110107" localSheetId="2">#REF!</definedName>
    <definedName name="______________COM110107">#REF!</definedName>
    <definedName name="______________COM120101" localSheetId="2">#REF!</definedName>
    <definedName name="______________COM120101">#REF!</definedName>
    <definedName name="______________COM120105" localSheetId="2">#REF!</definedName>
    <definedName name="______________COM120105">#REF!</definedName>
    <definedName name="______________COM120106" localSheetId="2">#REF!</definedName>
    <definedName name="______________COM120106">#REF!</definedName>
    <definedName name="______________COM120107" localSheetId="2">#REF!</definedName>
    <definedName name="______________COM120107">#REF!</definedName>
    <definedName name="______________COM120110" localSheetId="2">#REF!</definedName>
    <definedName name="______________COM120110">#REF!</definedName>
    <definedName name="______________COM120150" localSheetId="2">#REF!</definedName>
    <definedName name="______________COM120150">#REF!</definedName>
    <definedName name="______________COM130101" localSheetId="2">#REF!</definedName>
    <definedName name="______________COM130101">#REF!</definedName>
    <definedName name="______________COM130103" localSheetId="2">#REF!</definedName>
    <definedName name="______________COM130103">#REF!</definedName>
    <definedName name="______________COM130304" localSheetId="2">#REF!</definedName>
    <definedName name="______________COM130304">#REF!</definedName>
    <definedName name="______________COM130401" localSheetId="2">#REF!</definedName>
    <definedName name="______________COM130401">#REF!</definedName>
    <definedName name="______________COM140102" localSheetId="2">#REF!</definedName>
    <definedName name="______________COM140102">#REF!</definedName>
    <definedName name="______________COM140109" localSheetId="2">#REF!</definedName>
    <definedName name="______________COM140109">#REF!</definedName>
    <definedName name="______________COM140113" localSheetId="2">#REF!</definedName>
    <definedName name="______________COM140113">#REF!</definedName>
    <definedName name="______________COM140122" localSheetId="2">#REF!</definedName>
    <definedName name="______________COM140122">#REF!</definedName>
    <definedName name="______________COM140126" localSheetId="2">#REF!</definedName>
    <definedName name="______________COM140126">#REF!</definedName>
    <definedName name="______________COM140129" localSheetId="2">#REF!</definedName>
    <definedName name="______________COM140129">#REF!</definedName>
    <definedName name="______________COM140135" localSheetId="2">#REF!</definedName>
    <definedName name="______________COM140135">#REF!</definedName>
    <definedName name="______________COM140143" localSheetId="2">#REF!</definedName>
    <definedName name="______________COM140143">#REF!</definedName>
    <definedName name="______________COM140145" localSheetId="2">#REF!</definedName>
    <definedName name="______________COM140145">#REF!</definedName>
    <definedName name="______________COM150130" localSheetId="2">#REF!</definedName>
    <definedName name="______________COM150130">#REF!</definedName>
    <definedName name="______________COM170101" localSheetId="2">#REF!</definedName>
    <definedName name="______________COM170101">#REF!</definedName>
    <definedName name="______________COM170102" localSheetId="2">#REF!</definedName>
    <definedName name="______________COM170102">#REF!</definedName>
    <definedName name="______________COM170103" localSheetId="2">#REF!</definedName>
    <definedName name="______________COM170103">#REF!</definedName>
    <definedName name="______________GLB2" localSheetId="2">#REF!</definedName>
    <definedName name="______________GLB2">#REF!</definedName>
    <definedName name="______________i3" localSheetId="2">#REF!</definedName>
    <definedName name="______________i3">#REF!</definedName>
    <definedName name="______________MAO010201" localSheetId="2">#REF!</definedName>
    <definedName name="______________MAO010201">#REF!</definedName>
    <definedName name="______________MAO010202" localSheetId="2">#REF!</definedName>
    <definedName name="______________MAO010202">#REF!</definedName>
    <definedName name="______________MAO010205" localSheetId="2">#REF!</definedName>
    <definedName name="______________MAO010205">#REF!</definedName>
    <definedName name="______________MAO010206" localSheetId="2">#REF!</definedName>
    <definedName name="______________MAO010206">#REF!</definedName>
    <definedName name="______________MAO010210" localSheetId="2">#REF!</definedName>
    <definedName name="______________MAO010210">#REF!</definedName>
    <definedName name="______________MAO010401" localSheetId="2">#REF!</definedName>
    <definedName name="______________MAO010401">#REF!</definedName>
    <definedName name="______________MAO010402" localSheetId="2">#REF!</definedName>
    <definedName name="______________MAO010402">#REF!</definedName>
    <definedName name="______________MAO010407" localSheetId="2">#REF!</definedName>
    <definedName name="______________MAO010407">#REF!</definedName>
    <definedName name="______________MAO010413" localSheetId="2">#REF!</definedName>
    <definedName name="______________MAO010413">#REF!</definedName>
    <definedName name="______________MAO010501" localSheetId="2">#REF!</definedName>
    <definedName name="______________MAO010501">#REF!</definedName>
    <definedName name="______________MAO010503" localSheetId="2">#REF!</definedName>
    <definedName name="______________MAO010503">#REF!</definedName>
    <definedName name="______________MAO010505" localSheetId="2">#REF!</definedName>
    <definedName name="______________MAO010505">#REF!</definedName>
    <definedName name="______________MAO010509" localSheetId="2">#REF!</definedName>
    <definedName name="______________MAO010509">#REF!</definedName>
    <definedName name="______________MAO010512" localSheetId="2">#REF!</definedName>
    <definedName name="______________MAO010512">#REF!</definedName>
    <definedName name="______________MAO010518" localSheetId="2">#REF!</definedName>
    <definedName name="______________MAO010518">#REF!</definedName>
    <definedName name="______________MAO010519" localSheetId="2">#REF!</definedName>
    <definedName name="______________MAO010519">#REF!</definedName>
    <definedName name="______________MAO010521" localSheetId="2">#REF!</definedName>
    <definedName name="______________MAO010521">#REF!</definedName>
    <definedName name="______________MAO010523" localSheetId="2">#REF!</definedName>
    <definedName name="______________MAO010523">#REF!</definedName>
    <definedName name="______________MAO010532" localSheetId="2">#REF!</definedName>
    <definedName name="______________MAO010532">#REF!</definedName>
    <definedName name="______________MAO010533" localSheetId="2">#REF!</definedName>
    <definedName name="______________MAO010533">#REF!</definedName>
    <definedName name="______________MAO010536" localSheetId="2">#REF!</definedName>
    <definedName name="______________MAO010536">#REF!</definedName>
    <definedName name="______________MAO010701" localSheetId="2">#REF!</definedName>
    <definedName name="______________MAO010701">#REF!</definedName>
    <definedName name="______________MAO010703" localSheetId="2">#REF!</definedName>
    <definedName name="______________MAO010703">#REF!</definedName>
    <definedName name="______________MAO010705" localSheetId="2">#REF!</definedName>
    <definedName name="______________MAO010705">#REF!</definedName>
    <definedName name="______________MAO010708" localSheetId="2">#REF!</definedName>
    <definedName name="______________MAO010708">#REF!</definedName>
    <definedName name="______________MAO010710" localSheetId="2">#REF!</definedName>
    <definedName name="______________MAO010710">#REF!</definedName>
    <definedName name="______________MAO010712" localSheetId="2">#REF!</definedName>
    <definedName name="______________MAO010712">#REF!</definedName>
    <definedName name="______________MAO010717" localSheetId="2">#REF!</definedName>
    <definedName name="______________MAO010717">#REF!</definedName>
    <definedName name="______________MAO020201" localSheetId="2">#REF!</definedName>
    <definedName name="______________MAO020201">#REF!</definedName>
    <definedName name="______________MAO020205" localSheetId="2">#REF!</definedName>
    <definedName name="______________MAO020205">#REF!</definedName>
    <definedName name="______________MAO020211" localSheetId="2">#REF!</definedName>
    <definedName name="______________MAO020211">#REF!</definedName>
    <definedName name="______________MAO020217" localSheetId="2">#REF!</definedName>
    <definedName name="______________MAO020217">#REF!</definedName>
    <definedName name="______________MAO030102" localSheetId="2">#REF!</definedName>
    <definedName name="______________MAO030102">#REF!</definedName>
    <definedName name="______________MAO030201" localSheetId="2">#REF!</definedName>
    <definedName name="______________MAO030201">#REF!</definedName>
    <definedName name="______________MAO030303" localSheetId="2">#REF!</definedName>
    <definedName name="______________MAO030303">#REF!</definedName>
    <definedName name="______________MAO030317" localSheetId="2">#REF!</definedName>
    <definedName name="______________MAO030317">#REF!</definedName>
    <definedName name="______________MAO040101" localSheetId="2">#REF!</definedName>
    <definedName name="______________MAO040101">#REF!</definedName>
    <definedName name="______________MAO040202" localSheetId="2">#REF!</definedName>
    <definedName name="______________MAO040202">#REF!</definedName>
    <definedName name="______________MAO050103" localSheetId="2">#REF!</definedName>
    <definedName name="______________MAO050103">#REF!</definedName>
    <definedName name="______________MAO050207" localSheetId="2">#REF!</definedName>
    <definedName name="______________MAO050207">#REF!</definedName>
    <definedName name="______________MAO060101" localSheetId="2">#REF!</definedName>
    <definedName name="______________MAO060101">#REF!</definedName>
    <definedName name="______________MAO080310" localSheetId="2">#REF!</definedName>
    <definedName name="______________MAO080310">#REF!</definedName>
    <definedName name="______________MAO090101" localSheetId="2">#REF!</definedName>
    <definedName name="______________MAO090101">#REF!</definedName>
    <definedName name="______________MAO110101" localSheetId="2">#REF!</definedName>
    <definedName name="______________MAO110101">#REF!</definedName>
    <definedName name="______________MAO110104" localSheetId="2">#REF!</definedName>
    <definedName name="______________MAO110104">#REF!</definedName>
    <definedName name="______________MAO110107" localSheetId="2">#REF!</definedName>
    <definedName name="______________MAO110107">#REF!</definedName>
    <definedName name="______________MAO120101" localSheetId="2">#REF!</definedName>
    <definedName name="______________MAO120101">#REF!</definedName>
    <definedName name="______________MAO120105" localSheetId="2">#REF!</definedName>
    <definedName name="______________MAO120105">#REF!</definedName>
    <definedName name="______________MAO120106" localSheetId="2">#REF!</definedName>
    <definedName name="______________MAO120106">#REF!</definedName>
    <definedName name="______________MAO120107" localSheetId="2">#REF!</definedName>
    <definedName name="______________MAO120107">#REF!</definedName>
    <definedName name="______________MAO120110" localSheetId="2">#REF!</definedName>
    <definedName name="______________MAO120110">#REF!</definedName>
    <definedName name="______________MAO120150" localSheetId="2">#REF!</definedName>
    <definedName name="______________MAO120150">#REF!</definedName>
    <definedName name="______________MAO130101" localSheetId="2">#REF!</definedName>
    <definedName name="______________MAO130101">#REF!</definedName>
    <definedName name="______________MAO130103" localSheetId="2">#REF!</definedName>
    <definedName name="______________MAO130103">#REF!</definedName>
    <definedName name="______________MAO130304" localSheetId="2">#REF!</definedName>
    <definedName name="______________MAO130304">#REF!</definedName>
    <definedName name="______________MAO130401" localSheetId="2">#REF!</definedName>
    <definedName name="______________MAO130401">#REF!</definedName>
    <definedName name="______________MAO140102" localSheetId="2">#REF!</definedName>
    <definedName name="______________MAO140102">#REF!</definedName>
    <definedName name="______________MAO140109" localSheetId="2">#REF!</definedName>
    <definedName name="______________MAO140109">#REF!</definedName>
    <definedName name="______________MAO140113" localSheetId="2">#REF!</definedName>
    <definedName name="______________MAO140113">#REF!</definedName>
    <definedName name="______________MAO140122" localSheetId="2">#REF!</definedName>
    <definedName name="______________MAO140122">#REF!</definedName>
    <definedName name="______________MAO140126" localSheetId="2">#REF!</definedName>
    <definedName name="______________MAO140126">#REF!</definedName>
    <definedName name="______________MAO140129" localSheetId="2">#REF!</definedName>
    <definedName name="______________MAO140129">#REF!</definedName>
    <definedName name="______________MAO140135" localSheetId="2">#REF!</definedName>
    <definedName name="______________MAO140135">#REF!</definedName>
    <definedName name="______________MAO140143" localSheetId="2">#REF!</definedName>
    <definedName name="______________MAO140143">#REF!</definedName>
    <definedName name="______________MAO140145" localSheetId="2">#REF!</definedName>
    <definedName name="______________MAO140145">#REF!</definedName>
    <definedName name="______________MAT010301" localSheetId="2">#REF!</definedName>
    <definedName name="______________MAT010301">#REF!</definedName>
    <definedName name="______________MAT010401" localSheetId="2">#REF!</definedName>
    <definedName name="______________MAT010401">#REF!</definedName>
    <definedName name="______________MAT010402" localSheetId="2">#REF!</definedName>
    <definedName name="______________MAT010402">#REF!</definedName>
    <definedName name="______________MAT010407" localSheetId="2">#REF!</definedName>
    <definedName name="______________MAT010407">#REF!</definedName>
    <definedName name="______________MAT010413" localSheetId="2">#REF!</definedName>
    <definedName name="______________MAT010413">#REF!</definedName>
    <definedName name="______________MAT010536" localSheetId="2">#REF!</definedName>
    <definedName name="______________MAT010536">#REF!</definedName>
    <definedName name="______________MAT010703" localSheetId="2">#REF!</definedName>
    <definedName name="______________MAT010703">#REF!</definedName>
    <definedName name="______________MAT010708" localSheetId="2">#REF!</definedName>
    <definedName name="______________MAT010708">#REF!</definedName>
    <definedName name="______________MAT010710" localSheetId="2">#REF!</definedName>
    <definedName name="______________MAT010710">#REF!</definedName>
    <definedName name="______________MAT010718" localSheetId="2">#REF!</definedName>
    <definedName name="______________MAT010718">#REF!</definedName>
    <definedName name="______________MAT020201" localSheetId="2">#REF!</definedName>
    <definedName name="______________MAT020201">#REF!</definedName>
    <definedName name="______________MAT020205" localSheetId="2">#REF!</definedName>
    <definedName name="______________MAT020205">#REF!</definedName>
    <definedName name="______________MAT020211" localSheetId="2">#REF!</definedName>
    <definedName name="______________MAT020211">#REF!</definedName>
    <definedName name="______________MAT030102" localSheetId="2">#REF!</definedName>
    <definedName name="______________MAT030102">#REF!</definedName>
    <definedName name="______________MAT030201" localSheetId="2">#REF!</definedName>
    <definedName name="______________MAT030201">#REF!</definedName>
    <definedName name="______________MAT030303" localSheetId="2">#REF!</definedName>
    <definedName name="______________MAT030303">#REF!</definedName>
    <definedName name="______________MAT030317" localSheetId="2">#REF!</definedName>
    <definedName name="______________MAT030317">#REF!</definedName>
    <definedName name="______________MAT040101" localSheetId="2">#REF!</definedName>
    <definedName name="______________MAT040101">#REF!</definedName>
    <definedName name="______________MAT040202" localSheetId="2">#REF!</definedName>
    <definedName name="______________MAT040202">#REF!</definedName>
    <definedName name="______________MAT050103" localSheetId="2">#REF!</definedName>
    <definedName name="______________MAT050103">#REF!</definedName>
    <definedName name="______________MAT050207" localSheetId="2">#REF!</definedName>
    <definedName name="______________MAT050207">#REF!</definedName>
    <definedName name="______________MAT060101" localSheetId="2">#REF!</definedName>
    <definedName name="______________MAT060101">#REF!</definedName>
    <definedName name="______________MAT080101" localSheetId="2">#REF!</definedName>
    <definedName name="______________MAT080101">#REF!</definedName>
    <definedName name="______________MAT080310" localSheetId="2">#REF!</definedName>
    <definedName name="______________MAT080310">#REF!</definedName>
    <definedName name="______________MAT090101" localSheetId="2">#REF!</definedName>
    <definedName name="______________MAT090101">#REF!</definedName>
    <definedName name="______________MAT100302" localSheetId="2">#REF!</definedName>
    <definedName name="______________MAT100302">#REF!</definedName>
    <definedName name="______________MAT110101" localSheetId="2">#REF!</definedName>
    <definedName name="______________MAT110101">#REF!</definedName>
    <definedName name="______________MAT110104" localSheetId="2">#REF!</definedName>
    <definedName name="______________MAT110104">#REF!</definedName>
    <definedName name="______________MAT110107" localSheetId="2">#REF!</definedName>
    <definedName name="______________MAT110107">#REF!</definedName>
    <definedName name="______________MAT120101" localSheetId="2">#REF!</definedName>
    <definedName name="______________MAT120101">#REF!</definedName>
    <definedName name="______________MAT120105" localSheetId="2">#REF!</definedName>
    <definedName name="______________MAT120105">#REF!</definedName>
    <definedName name="______________MAT120106" localSheetId="2">#REF!</definedName>
    <definedName name="______________MAT120106">#REF!</definedName>
    <definedName name="______________MAT120107" localSheetId="2">#REF!</definedName>
    <definedName name="______________MAT120107">#REF!</definedName>
    <definedName name="______________MAT120110" localSheetId="2">#REF!</definedName>
    <definedName name="______________MAT120110">#REF!</definedName>
    <definedName name="______________MAT120150" localSheetId="2">#REF!</definedName>
    <definedName name="______________MAT120150">#REF!</definedName>
    <definedName name="______________MAT130101" localSheetId="2">#REF!</definedName>
    <definedName name="______________MAT130101">#REF!</definedName>
    <definedName name="______________MAT130103" localSheetId="2">#REF!</definedName>
    <definedName name="______________MAT130103">#REF!</definedName>
    <definedName name="______________MAT130304" localSheetId="2">#REF!</definedName>
    <definedName name="______________MAT130304">#REF!</definedName>
    <definedName name="______________MAT130401" localSheetId="2">#REF!</definedName>
    <definedName name="______________MAT130401">#REF!</definedName>
    <definedName name="______________MAT140102" localSheetId="2">#REF!</definedName>
    <definedName name="______________MAT140102">#REF!</definedName>
    <definedName name="______________MAT140109" localSheetId="2">#REF!</definedName>
    <definedName name="______________MAT140109">#REF!</definedName>
    <definedName name="______________MAT140113" localSheetId="2">#REF!</definedName>
    <definedName name="______________MAT140113">#REF!</definedName>
    <definedName name="______________MAT140122" localSheetId="2">#REF!</definedName>
    <definedName name="______________MAT140122">#REF!</definedName>
    <definedName name="______________MAT140126" localSheetId="2">#REF!</definedName>
    <definedName name="______________MAT140126">#REF!</definedName>
    <definedName name="______________MAT140129" localSheetId="2">#REF!</definedName>
    <definedName name="______________MAT140129">#REF!</definedName>
    <definedName name="______________MAT140135" localSheetId="2">#REF!</definedName>
    <definedName name="______________MAT140135">#REF!</definedName>
    <definedName name="______________MAT140143" localSheetId="2">#REF!</definedName>
    <definedName name="______________MAT140143">#REF!</definedName>
    <definedName name="______________MAT140145" localSheetId="2">#REF!</definedName>
    <definedName name="______________MAT140145">#REF!</definedName>
    <definedName name="______________MAT150130" localSheetId="2">#REF!</definedName>
    <definedName name="______________MAT150130">#REF!</definedName>
    <definedName name="______________MAT170101" localSheetId="2">#REF!</definedName>
    <definedName name="______________MAT170101">#REF!</definedName>
    <definedName name="______________MAT170102" localSheetId="2">#REF!</definedName>
    <definedName name="______________MAT170102">#REF!</definedName>
    <definedName name="______________MAT170103" localSheetId="2">#REF!</definedName>
    <definedName name="______________MAT170103">#REF!</definedName>
    <definedName name="______________PRE010201" localSheetId="2">#REF!</definedName>
    <definedName name="______________PRE010201">#REF!</definedName>
    <definedName name="______________PRE010202" localSheetId="2">#REF!</definedName>
    <definedName name="______________PRE010202">#REF!</definedName>
    <definedName name="______________PRE010205" localSheetId="2">#REF!</definedName>
    <definedName name="______________PRE010205">#REF!</definedName>
    <definedName name="______________PRE010206" localSheetId="2">#REF!</definedName>
    <definedName name="______________PRE010206">#REF!</definedName>
    <definedName name="______________PRE010210" localSheetId="2">#REF!</definedName>
    <definedName name="______________PRE010210">#REF!</definedName>
    <definedName name="______________PRE010301" localSheetId="2">#REF!</definedName>
    <definedName name="______________PRE010301">#REF!</definedName>
    <definedName name="______________PRE010401" localSheetId="2">#REF!</definedName>
    <definedName name="______________PRE010401">#REF!</definedName>
    <definedName name="______________PRE010402" localSheetId="2">#REF!</definedName>
    <definedName name="______________PRE010402">#REF!</definedName>
    <definedName name="______________PRE010407" localSheetId="2">#REF!</definedName>
    <definedName name="______________PRE010407">#REF!</definedName>
    <definedName name="______________PRE010413" localSheetId="2">#REF!</definedName>
    <definedName name="______________PRE010413">#REF!</definedName>
    <definedName name="______________PRE010501" localSheetId="2">#REF!</definedName>
    <definedName name="______________PRE010501">#REF!</definedName>
    <definedName name="______________PRE010503" localSheetId="2">#REF!</definedName>
    <definedName name="______________PRE010503">#REF!</definedName>
    <definedName name="______________PRE010505" localSheetId="2">#REF!</definedName>
    <definedName name="______________PRE010505">#REF!</definedName>
    <definedName name="______________PRE010509" localSheetId="2">#REF!</definedName>
    <definedName name="______________PRE010509">#REF!</definedName>
    <definedName name="______________PRE010512" localSheetId="2">#REF!</definedName>
    <definedName name="______________PRE010512">#REF!</definedName>
    <definedName name="______________PRE010518" localSheetId="2">#REF!</definedName>
    <definedName name="______________PRE010518">#REF!</definedName>
    <definedName name="______________PRE010519" localSheetId="2">#REF!</definedName>
    <definedName name="______________PRE010519">#REF!</definedName>
    <definedName name="______________PRE010521" localSheetId="2">#REF!</definedName>
    <definedName name="______________PRE010521">#REF!</definedName>
    <definedName name="______________PRE010523" localSheetId="2">#REF!</definedName>
    <definedName name="______________PRE010523">#REF!</definedName>
    <definedName name="______________PRE010532" localSheetId="2">#REF!</definedName>
    <definedName name="______________PRE010532">#REF!</definedName>
    <definedName name="______________PRE010533" localSheetId="2">#REF!</definedName>
    <definedName name="______________PRE010533">#REF!</definedName>
    <definedName name="______________PRE010536" localSheetId="2">#REF!</definedName>
    <definedName name="______________PRE010536">#REF!</definedName>
    <definedName name="______________PRE010701" localSheetId="2">#REF!</definedName>
    <definedName name="______________PRE010701">#REF!</definedName>
    <definedName name="______________PRE010703" localSheetId="2">#REF!</definedName>
    <definedName name="______________PRE010703">#REF!</definedName>
    <definedName name="______________PRE010705" localSheetId="2">#REF!</definedName>
    <definedName name="______________PRE010705">#REF!</definedName>
    <definedName name="______________PRE010708" localSheetId="2">#REF!</definedName>
    <definedName name="______________PRE010708">#REF!</definedName>
    <definedName name="______________PRE010710" localSheetId="2">#REF!</definedName>
    <definedName name="______________PRE010710">#REF!</definedName>
    <definedName name="______________PRE010712" localSheetId="2">#REF!</definedName>
    <definedName name="______________PRE010712">#REF!</definedName>
    <definedName name="______________PRE010717" localSheetId="2">#REF!</definedName>
    <definedName name="______________PRE010717">#REF!</definedName>
    <definedName name="______________PRE010718" localSheetId="2">#REF!</definedName>
    <definedName name="______________PRE010718">#REF!</definedName>
    <definedName name="______________PRE020201" localSheetId="2">#REF!</definedName>
    <definedName name="______________PRE020201">#REF!</definedName>
    <definedName name="______________PRE020205" localSheetId="2">#REF!</definedName>
    <definedName name="______________PRE020205">#REF!</definedName>
    <definedName name="______________PRE020211" localSheetId="2">#REF!</definedName>
    <definedName name="______________PRE020211">#REF!</definedName>
    <definedName name="______________PRE020217" localSheetId="2">#REF!</definedName>
    <definedName name="______________PRE020217">#REF!</definedName>
    <definedName name="______________PRE030102" localSheetId="2">#REF!</definedName>
    <definedName name="______________PRE030102">#REF!</definedName>
    <definedName name="______________PRE030201" localSheetId="2">#REF!</definedName>
    <definedName name="______________PRE030201">#REF!</definedName>
    <definedName name="______________PRE030303" localSheetId="2">#REF!</definedName>
    <definedName name="______________PRE030303">#REF!</definedName>
    <definedName name="______________PRE030317" localSheetId="2">#REF!</definedName>
    <definedName name="______________PRE030317">#REF!</definedName>
    <definedName name="______________PRE040101" localSheetId="2">#REF!</definedName>
    <definedName name="______________PRE040101">#REF!</definedName>
    <definedName name="______________PRE040202" localSheetId="2">#REF!</definedName>
    <definedName name="______________PRE040202">#REF!</definedName>
    <definedName name="______________PRE050103" localSheetId="2">#REF!</definedName>
    <definedName name="______________PRE050103">#REF!</definedName>
    <definedName name="______________PRE050207" localSheetId="2">#REF!</definedName>
    <definedName name="______________PRE050207">#REF!</definedName>
    <definedName name="______________PRE060101" localSheetId="2">#REF!</definedName>
    <definedName name="______________PRE060101">#REF!</definedName>
    <definedName name="______________PRE080101" localSheetId="2">#REF!</definedName>
    <definedName name="______________PRE080101">#REF!</definedName>
    <definedName name="______________PRE080310" localSheetId="2">#REF!</definedName>
    <definedName name="______________PRE080310">#REF!</definedName>
    <definedName name="______________PRE090101" localSheetId="2">#REF!</definedName>
    <definedName name="______________PRE090101">#REF!</definedName>
    <definedName name="______________PRE100302" localSheetId="2">#REF!</definedName>
    <definedName name="______________PRE100302">#REF!</definedName>
    <definedName name="______________PRE110101" localSheetId="2">#REF!</definedName>
    <definedName name="______________PRE110101">#REF!</definedName>
    <definedName name="______________PRE110104" localSheetId="2">#REF!</definedName>
    <definedName name="______________PRE110104">#REF!</definedName>
    <definedName name="______________PRE110107" localSheetId="2">#REF!</definedName>
    <definedName name="______________PRE110107">#REF!</definedName>
    <definedName name="______________PRE120101" localSheetId="2">#REF!</definedName>
    <definedName name="______________PRE120101">#REF!</definedName>
    <definedName name="______________PRE120105" localSheetId="2">#REF!</definedName>
    <definedName name="______________PRE120105">#REF!</definedName>
    <definedName name="______________PRE120106" localSheetId="2">#REF!</definedName>
    <definedName name="______________PRE120106">#REF!</definedName>
    <definedName name="______________PRE120107" localSheetId="2">#REF!</definedName>
    <definedName name="______________PRE120107">#REF!</definedName>
    <definedName name="______________PRE120110" localSheetId="2">#REF!</definedName>
    <definedName name="______________PRE120110">#REF!</definedName>
    <definedName name="______________PRE120150" localSheetId="2">#REF!</definedName>
    <definedName name="______________PRE120150">#REF!</definedName>
    <definedName name="______________PRE130101" localSheetId="2">#REF!</definedName>
    <definedName name="______________PRE130101">#REF!</definedName>
    <definedName name="______________PRE130103" localSheetId="2">#REF!</definedName>
    <definedName name="______________PRE130103">#REF!</definedName>
    <definedName name="______________PRE130304" localSheetId="2">#REF!</definedName>
    <definedName name="______________PRE130304">#REF!</definedName>
    <definedName name="______________PRE130401" localSheetId="2">#REF!</definedName>
    <definedName name="______________PRE130401">#REF!</definedName>
    <definedName name="______________PRE140102" localSheetId="2">#REF!</definedName>
    <definedName name="______________PRE140102">#REF!</definedName>
    <definedName name="______________PRE140109" localSheetId="2">#REF!</definedName>
    <definedName name="______________PRE140109">#REF!</definedName>
    <definedName name="______________PRE140113" localSheetId="2">#REF!</definedName>
    <definedName name="______________PRE140113">#REF!</definedName>
    <definedName name="______________PRE140122" localSheetId="2">#REF!</definedName>
    <definedName name="______________PRE140122">#REF!</definedName>
    <definedName name="______________PRE140126" localSheetId="2">#REF!</definedName>
    <definedName name="______________PRE140126">#REF!</definedName>
    <definedName name="______________PRE140129" localSheetId="2">#REF!</definedName>
    <definedName name="______________PRE140129">#REF!</definedName>
    <definedName name="______________PRE140135" localSheetId="2">#REF!</definedName>
    <definedName name="______________PRE140135">#REF!</definedName>
    <definedName name="______________PRE140143" localSheetId="2">#REF!</definedName>
    <definedName name="______________PRE140143">#REF!</definedName>
    <definedName name="______________PRE140145" localSheetId="2">#REF!</definedName>
    <definedName name="______________PRE140145">#REF!</definedName>
    <definedName name="______________PRE150130" localSheetId="2">#REF!</definedName>
    <definedName name="______________PRE150130">#REF!</definedName>
    <definedName name="______________PRE170101" localSheetId="2">#REF!</definedName>
    <definedName name="______________PRE170101">#REF!</definedName>
    <definedName name="______________PRE170102" localSheetId="2">#REF!</definedName>
    <definedName name="______________PRE170102">#REF!</definedName>
    <definedName name="______________PRE170103" localSheetId="2">#REF!</definedName>
    <definedName name="______________PRE170103">#REF!</definedName>
    <definedName name="______________QUA010201" localSheetId="2">#REF!</definedName>
    <definedName name="______________QUA010201">#REF!</definedName>
    <definedName name="______________QUA010202" localSheetId="2">#REF!</definedName>
    <definedName name="______________QUA010202">#REF!</definedName>
    <definedName name="______________QUA010205" localSheetId="2">#REF!</definedName>
    <definedName name="______________QUA010205">#REF!</definedName>
    <definedName name="______________QUA010206" localSheetId="2">#REF!</definedName>
    <definedName name="______________QUA010206">#REF!</definedName>
    <definedName name="______________QUA010210" localSheetId="2">#REF!</definedName>
    <definedName name="______________QUA010210">#REF!</definedName>
    <definedName name="______________QUA010301" localSheetId="2">#REF!</definedName>
    <definedName name="______________QUA010301">#REF!</definedName>
    <definedName name="______________QUA010401" localSheetId="2">#REF!</definedName>
    <definedName name="______________QUA010401">#REF!</definedName>
    <definedName name="______________QUA010402" localSheetId="2">#REF!</definedName>
    <definedName name="______________QUA010402">#REF!</definedName>
    <definedName name="______________QUA010407" localSheetId="2">#REF!</definedName>
    <definedName name="______________QUA010407">#REF!</definedName>
    <definedName name="______________QUA010413" localSheetId="2">#REF!</definedName>
    <definedName name="______________QUA010413">#REF!</definedName>
    <definedName name="______________QUA010501" localSheetId="2">#REF!</definedName>
    <definedName name="______________QUA010501">#REF!</definedName>
    <definedName name="______________QUA010503" localSheetId="2">#REF!</definedName>
    <definedName name="______________QUA010503">#REF!</definedName>
    <definedName name="______________QUA010505" localSheetId="2">#REF!</definedName>
    <definedName name="______________QUA010505">#REF!</definedName>
    <definedName name="______________QUA010509" localSheetId="2">#REF!</definedName>
    <definedName name="______________QUA010509">#REF!</definedName>
    <definedName name="______________QUA010512" localSheetId="2">#REF!</definedName>
    <definedName name="______________QUA010512">#REF!</definedName>
    <definedName name="______________QUA010518" localSheetId="2">#REF!</definedName>
    <definedName name="______________QUA010518">#REF!</definedName>
    <definedName name="______________QUA010519" localSheetId="2">#REF!</definedName>
    <definedName name="______________QUA010519">#REF!</definedName>
    <definedName name="______________QUA010521" localSheetId="2">#REF!</definedName>
    <definedName name="______________QUA010521">#REF!</definedName>
    <definedName name="______________QUA010523" localSheetId="2">#REF!</definedName>
    <definedName name="______________QUA010523">#REF!</definedName>
    <definedName name="______________QUA010532" localSheetId="2">#REF!</definedName>
    <definedName name="______________QUA010532">#REF!</definedName>
    <definedName name="______________QUA010533" localSheetId="2">#REF!</definedName>
    <definedName name="______________QUA010533">#REF!</definedName>
    <definedName name="______________QUA010536" localSheetId="2">#REF!</definedName>
    <definedName name="______________QUA010536">#REF!</definedName>
    <definedName name="______________QUA010701" localSheetId="2">#REF!</definedName>
    <definedName name="______________QUA010701">#REF!</definedName>
    <definedName name="______________QUA010703" localSheetId="2">#REF!</definedName>
    <definedName name="______________QUA010703">#REF!</definedName>
    <definedName name="______________QUA010705" localSheetId="2">#REF!</definedName>
    <definedName name="______________QUA010705">#REF!</definedName>
    <definedName name="______________QUA010708" localSheetId="2">#REF!</definedName>
    <definedName name="______________QUA010708">#REF!</definedName>
    <definedName name="______________QUA010710" localSheetId="2">#REF!</definedName>
    <definedName name="______________QUA010710">#REF!</definedName>
    <definedName name="______________QUA010712" localSheetId="2">#REF!</definedName>
    <definedName name="______________QUA010712">#REF!</definedName>
    <definedName name="______________QUA010717" localSheetId="2">#REF!</definedName>
    <definedName name="______________QUA010717">#REF!</definedName>
    <definedName name="______________QUA010718" localSheetId="2">#REF!</definedName>
    <definedName name="______________QUA010718">#REF!</definedName>
    <definedName name="______________QUA020201" localSheetId="2">#REF!</definedName>
    <definedName name="______________QUA020201">#REF!</definedName>
    <definedName name="______________QUA020205" localSheetId="2">#REF!</definedName>
    <definedName name="______________QUA020205">#REF!</definedName>
    <definedName name="______________QUA020211" localSheetId="2">#REF!</definedName>
    <definedName name="______________QUA020211">#REF!</definedName>
    <definedName name="______________QUA020217" localSheetId="2">#REF!</definedName>
    <definedName name="______________QUA020217">#REF!</definedName>
    <definedName name="______________QUA030102" localSheetId="2">#REF!</definedName>
    <definedName name="______________QUA030102">#REF!</definedName>
    <definedName name="______________QUA030201" localSheetId="2">#REF!</definedName>
    <definedName name="______________QUA030201">#REF!</definedName>
    <definedName name="______________QUA030303" localSheetId="2">#REF!</definedName>
    <definedName name="______________QUA030303">#REF!</definedName>
    <definedName name="______________QUA030317" localSheetId="2">#REF!</definedName>
    <definedName name="______________QUA030317">#REF!</definedName>
    <definedName name="______________QUA040101" localSheetId="2">#REF!</definedName>
    <definedName name="______________QUA040101">#REF!</definedName>
    <definedName name="______________QUA040202" localSheetId="2">#REF!</definedName>
    <definedName name="______________QUA040202">#REF!</definedName>
    <definedName name="______________QUA050103" localSheetId="2">#REF!</definedName>
    <definedName name="______________QUA050103">#REF!</definedName>
    <definedName name="______________QUA050207" localSheetId="2">#REF!</definedName>
    <definedName name="______________QUA050207">#REF!</definedName>
    <definedName name="______________QUA060101" localSheetId="2">#REF!</definedName>
    <definedName name="______________QUA060101">#REF!</definedName>
    <definedName name="______________QUA080101" localSheetId="2">#REF!</definedName>
    <definedName name="______________QUA080101">#REF!</definedName>
    <definedName name="______________QUA080310" localSheetId="2">#REF!</definedName>
    <definedName name="______________QUA080310">#REF!</definedName>
    <definedName name="______________QUA090101" localSheetId="2">#REF!</definedName>
    <definedName name="______________QUA090101">#REF!</definedName>
    <definedName name="______________QUA100302" localSheetId="2">#REF!</definedName>
    <definedName name="______________QUA100302">#REF!</definedName>
    <definedName name="______________QUA110101" localSheetId="2">#REF!</definedName>
    <definedName name="______________QUA110101">#REF!</definedName>
    <definedName name="______________QUA110104" localSheetId="2">#REF!</definedName>
    <definedName name="______________QUA110104">#REF!</definedName>
    <definedName name="______________QUA110107" localSheetId="2">#REF!</definedName>
    <definedName name="______________QUA110107">#REF!</definedName>
    <definedName name="______________QUA120101" localSheetId="2">#REF!</definedName>
    <definedName name="______________QUA120101">#REF!</definedName>
    <definedName name="______________QUA120105" localSheetId="2">#REF!</definedName>
    <definedName name="______________QUA120105">#REF!</definedName>
    <definedName name="______________QUA120106" localSheetId="2">#REF!</definedName>
    <definedName name="______________QUA120106">#REF!</definedName>
    <definedName name="______________QUA120107" localSheetId="2">#REF!</definedName>
    <definedName name="______________QUA120107">#REF!</definedName>
    <definedName name="______________QUA120110" localSheetId="2">#REF!</definedName>
    <definedName name="______________QUA120110">#REF!</definedName>
    <definedName name="______________QUA120150" localSheetId="2">#REF!</definedName>
    <definedName name="______________QUA120150">#REF!</definedName>
    <definedName name="______________QUA130101" localSheetId="2">#REF!</definedName>
    <definedName name="______________QUA130101">#REF!</definedName>
    <definedName name="______________QUA130103" localSheetId="2">#REF!</definedName>
    <definedName name="______________QUA130103">#REF!</definedName>
    <definedName name="______________QUA130304" localSheetId="2">#REF!</definedName>
    <definedName name="______________QUA130304">#REF!</definedName>
    <definedName name="______________QUA130401" localSheetId="2">#REF!</definedName>
    <definedName name="______________QUA130401">#REF!</definedName>
    <definedName name="______________QUA140102" localSheetId="2">#REF!</definedName>
    <definedName name="______________QUA140102">#REF!</definedName>
    <definedName name="______________QUA140109" localSheetId="2">#REF!</definedName>
    <definedName name="______________QUA140109">#REF!</definedName>
    <definedName name="______________QUA140113" localSheetId="2">#REF!</definedName>
    <definedName name="______________QUA140113">#REF!</definedName>
    <definedName name="______________QUA140122" localSheetId="2">#REF!</definedName>
    <definedName name="______________QUA140122">#REF!</definedName>
    <definedName name="______________QUA140126" localSheetId="2">#REF!</definedName>
    <definedName name="______________QUA140126">#REF!</definedName>
    <definedName name="______________QUA140129" localSheetId="2">#REF!</definedName>
    <definedName name="______________QUA140129">#REF!</definedName>
    <definedName name="______________QUA140135" localSheetId="2">#REF!</definedName>
    <definedName name="______________QUA140135">#REF!</definedName>
    <definedName name="______________QUA140143" localSheetId="2">#REF!</definedName>
    <definedName name="______________QUA140143">#REF!</definedName>
    <definedName name="______________QUA140145" localSheetId="2">#REF!</definedName>
    <definedName name="______________QUA140145">#REF!</definedName>
    <definedName name="______________QUA150130" localSheetId="2">#REF!</definedName>
    <definedName name="______________QUA150130">#REF!</definedName>
    <definedName name="______________QUA170101" localSheetId="2">#REF!</definedName>
    <definedName name="______________QUA170101">#REF!</definedName>
    <definedName name="______________QUA170102" localSheetId="2">#REF!</definedName>
    <definedName name="______________QUA170102">#REF!</definedName>
    <definedName name="______________QUA170103" localSheetId="2">#REF!</definedName>
    <definedName name="______________QUA170103">#REF!</definedName>
    <definedName name="______________R" localSheetId="2">#REF!</definedName>
    <definedName name="______________R">#REF!</definedName>
    <definedName name="______________REC11100" localSheetId="2">#REF!</definedName>
    <definedName name="______________REC11100">#REF!</definedName>
    <definedName name="______________REC11110" localSheetId="2">#REF!</definedName>
    <definedName name="______________REC11110">#REF!</definedName>
    <definedName name="______________REC11115" localSheetId="2">#REF!</definedName>
    <definedName name="______________REC11115">#REF!</definedName>
    <definedName name="______________REC11125" localSheetId="2">#REF!</definedName>
    <definedName name="______________REC11125">#REF!</definedName>
    <definedName name="______________REC11130" localSheetId="2">#REF!</definedName>
    <definedName name="______________REC11130">#REF!</definedName>
    <definedName name="______________REC11135" localSheetId="2">#REF!</definedName>
    <definedName name="______________REC11135">#REF!</definedName>
    <definedName name="______________REC11145" localSheetId="2">#REF!</definedName>
    <definedName name="______________REC11145">#REF!</definedName>
    <definedName name="______________REC11150" localSheetId="2">#REF!</definedName>
    <definedName name="______________REC11150">#REF!</definedName>
    <definedName name="______________REC11165" localSheetId="2">#REF!</definedName>
    <definedName name="______________REC11165">#REF!</definedName>
    <definedName name="______________REC11170" localSheetId="2">#REF!</definedName>
    <definedName name="______________REC11170">#REF!</definedName>
    <definedName name="______________REC11180" localSheetId="2">#REF!</definedName>
    <definedName name="______________REC11180">#REF!</definedName>
    <definedName name="______________REC11185" localSheetId="2">#REF!</definedName>
    <definedName name="______________REC11185">#REF!</definedName>
    <definedName name="______________REC11220" localSheetId="2">#REF!</definedName>
    <definedName name="______________REC11220">#REF!</definedName>
    <definedName name="______________REC12105" localSheetId="2">#REF!</definedName>
    <definedName name="______________REC12105">#REF!</definedName>
    <definedName name="______________REC12555" localSheetId="2">#REF!</definedName>
    <definedName name="______________REC12555">#REF!</definedName>
    <definedName name="______________REC12570" localSheetId="2">#REF!</definedName>
    <definedName name="______________REC12570">#REF!</definedName>
    <definedName name="______________REC12575" localSheetId="2">#REF!</definedName>
    <definedName name="______________REC12575">#REF!</definedName>
    <definedName name="______________REC12580" localSheetId="2">#REF!</definedName>
    <definedName name="______________REC12580">#REF!</definedName>
    <definedName name="______________REC12600" localSheetId="2">#REF!</definedName>
    <definedName name="______________REC12600">#REF!</definedName>
    <definedName name="______________REC12610" localSheetId="2">#REF!</definedName>
    <definedName name="______________REC12610">#REF!</definedName>
    <definedName name="______________REC12630" localSheetId="2">#REF!</definedName>
    <definedName name="______________REC12630">#REF!</definedName>
    <definedName name="______________REC12631" localSheetId="2">#REF!</definedName>
    <definedName name="______________REC12631">#REF!</definedName>
    <definedName name="______________REC12640" localSheetId="2">#REF!</definedName>
    <definedName name="______________REC12640">#REF!</definedName>
    <definedName name="______________REC12645" localSheetId="2">#REF!</definedName>
    <definedName name="______________REC12645">#REF!</definedName>
    <definedName name="______________REC12665" localSheetId="2">#REF!</definedName>
    <definedName name="______________REC12665">#REF!</definedName>
    <definedName name="______________REC12690" localSheetId="2">#REF!</definedName>
    <definedName name="______________REC12690">#REF!</definedName>
    <definedName name="______________REC12700" localSheetId="2">#REF!</definedName>
    <definedName name="______________REC12700">#REF!</definedName>
    <definedName name="______________REC12710" localSheetId="2">#REF!</definedName>
    <definedName name="______________REC12710">#REF!</definedName>
    <definedName name="______________REC13111" localSheetId="2">#REF!</definedName>
    <definedName name="______________REC13111">#REF!</definedName>
    <definedName name="______________REC13112" localSheetId="2">#REF!</definedName>
    <definedName name="______________REC13112">#REF!</definedName>
    <definedName name="______________REC13121" localSheetId="2">#REF!</definedName>
    <definedName name="______________REC13121">#REF!</definedName>
    <definedName name="______________REC13720" localSheetId="2">#REF!</definedName>
    <definedName name="______________REC13720">#REF!</definedName>
    <definedName name="______________REC14100" localSheetId="2">#REF!</definedName>
    <definedName name="______________REC14100">#REF!</definedName>
    <definedName name="______________REC14161" localSheetId="2">#REF!</definedName>
    <definedName name="______________REC14161">#REF!</definedName>
    <definedName name="______________REC14195" localSheetId="2">#REF!</definedName>
    <definedName name="______________REC14195">#REF!</definedName>
    <definedName name="______________REC14205" localSheetId="2">#REF!</definedName>
    <definedName name="______________REC14205">#REF!</definedName>
    <definedName name="______________REC14260" localSheetId="2">#REF!</definedName>
    <definedName name="______________REC14260">#REF!</definedName>
    <definedName name="______________REC14500" localSheetId="2">#REF!</definedName>
    <definedName name="______________REC14500">#REF!</definedName>
    <definedName name="______________REC14515" localSheetId="2">#REF!</definedName>
    <definedName name="______________REC14515">#REF!</definedName>
    <definedName name="______________REC14555" localSheetId="2">#REF!</definedName>
    <definedName name="______________REC14555">#REF!</definedName>
    <definedName name="______________REC14565" localSheetId="2">#REF!</definedName>
    <definedName name="______________REC14565">#REF!</definedName>
    <definedName name="______________REC15135" localSheetId="2">#REF!</definedName>
    <definedName name="______________REC15135">#REF!</definedName>
    <definedName name="______________REC15140" localSheetId="2">#REF!</definedName>
    <definedName name="______________REC15140">#REF!</definedName>
    <definedName name="______________REC15195" localSheetId="2">#REF!</definedName>
    <definedName name="______________REC15195">#REF!</definedName>
    <definedName name="______________REC15225" localSheetId="2">#REF!</definedName>
    <definedName name="______________REC15225">#REF!</definedName>
    <definedName name="______________REC15230" localSheetId="2">#REF!</definedName>
    <definedName name="______________REC15230">#REF!</definedName>
    <definedName name="______________REC15515" localSheetId="2">#REF!</definedName>
    <definedName name="______________REC15515">#REF!</definedName>
    <definedName name="______________REC15560" localSheetId="2">#REF!</definedName>
    <definedName name="______________REC15560">#REF!</definedName>
    <definedName name="______________REC15565" localSheetId="2">#REF!</definedName>
    <definedName name="______________REC15565">#REF!</definedName>
    <definedName name="______________REC15570" localSheetId="2">#REF!</definedName>
    <definedName name="______________REC15570">#REF!</definedName>
    <definedName name="______________REC15575" localSheetId="2">#REF!</definedName>
    <definedName name="______________REC15575">#REF!</definedName>
    <definedName name="______________REC15583" localSheetId="2">#REF!</definedName>
    <definedName name="______________REC15583">#REF!</definedName>
    <definedName name="______________REC15590" localSheetId="2">#REF!</definedName>
    <definedName name="______________REC15590">#REF!</definedName>
    <definedName name="______________REC15591" localSheetId="2">#REF!</definedName>
    <definedName name="______________REC15591">#REF!</definedName>
    <definedName name="______________REC15610" localSheetId="2">#REF!</definedName>
    <definedName name="______________REC15610">#REF!</definedName>
    <definedName name="______________REC15625" localSheetId="2">#REF!</definedName>
    <definedName name="______________REC15625">#REF!</definedName>
    <definedName name="______________REC15635" localSheetId="2">#REF!</definedName>
    <definedName name="______________REC15635">#REF!</definedName>
    <definedName name="______________REC15655" localSheetId="2">#REF!</definedName>
    <definedName name="______________REC15655">#REF!</definedName>
    <definedName name="______________REC15665" localSheetId="2">#REF!</definedName>
    <definedName name="______________REC15665">#REF!</definedName>
    <definedName name="______________REC16515" localSheetId="2">#REF!</definedName>
    <definedName name="______________REC16515">#REF!</definedName>
    <definedName name="______________REC16535" localSheetId="2">#REF!</definedName>
    <definedName name="______________REC16535">#REF!</definedName>
    <definedName name="______________REC17140" localSheetId="2">#REF!</definedName>
    <definedName name="______________REC17140">#REF!</definedName>
    <definedName name="______________REC19500" localSheetId="2">#REF!</definedName>
    <definedName name="______________REC19500">#REF!</definedName>
    <definedName name="______________REC19501" localSheetId="2">#REF!</definedName>
    <definedName name="______________REC19501">#REF!</definedName>
    <definedName name="______________REC19502" localSheetId="2">#REF!</definedName>
    <definedName name="______________REC19502">#REF!</definedName>
    <definedName name="______________REC19503" localSheetId="2">#REF!</definedName>
    <definedName name="______________REC19503">#REF!</definedName>
    <definedName name="______________REC19504" localSheetId="2">#REF!</definedName>
    <definedName name="______________REC19504">#REF!</definedName>
    <definedName name="______________REC19505" localSheetId="2">#REF!</definedName>
    <definedName name="______________REC19505">#REF!</definedName>
    <definedName name="______________REC20100" localSheetId="2">#REF!</definedName>
    <definedName name="______________REC20100">#REF!</definedName>
    <definedName name="______________REC20105" localSheetId="2">#REF!</definedName>
    <definedName name="______________REC20105">#REF!</definedName>
    <definedName name="______________REC20110" localSheetId="2">#REF!</definedName>
    <definedName name="______________REC20110">#REF!</definedName>
    <definedName name="______________REC20115" localSheetId="2">#REF!</definedName>
    <definedName name="______________REC20115">#REF!</definedName>
    <definedName name="______________REC20130" localSheetId="2">#REF!</definedName>
    <definedName name="______________REC20130">#REF!</definedName>
    <definedName name="______________REC20135" localSheetId="2">#REF!</definedName>
    <definedName name="______________REC20135">#REF!</definedName>
    <definedName name="______________REC20140" localSheetId="2">#REF!</definedName>
    <definedName name="______________REC20140">#REF!</definedName>
    <definedName name="______________REC20145" localSheetId="2">#REF!</definedName>
    <definedName name="______________REC20145">#REF!</definedName>
    <definedName name="______________REC20150" localSheetId="2">#REF!</definedName>
    <definedName name="______________REC20150">#REF!</definedName>
    <definedName name="______________REC20155" localSheetId="2">#REF!</definedName>
    <definedName name="______________REC20155">#REF!</definedName>
    <definedName name="______________REC20175" localSheetId="2">#REF!</definedName>
    <definedName name="______________REC20175">#REF!</definedName>
    <definedName name="______________REC20185" localSheetId="2">#REF!</definedName>
    <definedName name="______________REC20185">#REF!</definedName>
    <definedName name="______________REC20190" localSheetId="2">#REF!</definedName>
    <definedName name="______________REC20190">#REF!</definedName>
    <definedName name="______________REC20195" localSheetId="2">#REF!</definedName>
    <definedName name="______________REC20195">#REF!</definedName>
    <definedName name="______________REC20210" localSheetId="2">#REF!</definedName>
    <definedName name="______________REC20210">#REF!</definedName>
    <definedName name="______________RET1">[1]Regula!$J$36</definedName>
    <definedName name="______________svi2" localSheetId="2">#REF!</definedName>
    <definedName name="______________svi2">#REF!</definedName>
    <definedName name="______________TT102" localSheetId="2">'[2]Relatório_1ª med_'!#REF!</definedName>
    <definedName name="______________TT102">'[2]Relatório_1ª med_'!#REF!</definedName>
    <definedName name="______________TT107" localSheetId="2">'[2]Relatório_1ª med_'!#REF!</definedName>
    <definedName name="______________TT107">'[2]Relatório_1ª med_'!#REF!</definedName>
    <definedName name="______________TT121" localSheetId="2">'[2]Relatório_1ª med_'!#REF!</definedName>
    <definedName name="______________TT121">'[2]Relatório_1ª med_'!#REF!</definedName>
    <definedName name="______________TT123" localSheetId="2">'[2]Relatório_1ª med_'!#REF!</definedName>
    <definedName name="______________TT123">'[2]Relatório_1ª med_'!#REF!</definedName>
    <definedName name="______________TT19" localSheetId="2">'[2]Relatório_1ª med_'!#REF!</definedName>
    <definedName name="______________TT19">'[2]Relatório_1ª med_'!#REF!</definedName>
    <definedName name="______________TT20" localSheetId="2">'[2]Relatório_1ª med_'!#REF!</definedName>
    <definedName name="______________TT20">'[2]Relatório_1ª med_'!#REF!</definedName>
    <definedName name="______________TT21" localSheetId="2">'[2]Relatório_1ª med_'!#REF!</definedName>
    <definedName name="______________TT21">'[2]Relatório_1ª med_'!#REF!</definedName>
    <definedName name="______________TT22" localSheetId="2">'[2]Relatório_1ª med_'!#REF!</definedName>
    <definedName name="______________TT22">'[2]Relatório_1ª med_'!#REF!</definedName>
    <definedName name="______________TT26" localSheetId="2">'[2]Relatório_1ª med_'!#REF!</definedName>
    <definedName name="______________TT26">'[2]Relatório_1ª med_'!#REF!</definedName>
    <definedName name="______________TT27" localSheetId="2">'[2]Relatório_1ª med_'!#REF!</definedName>
    <definedName name="______________TT27">'[2]Relatório_1ª med_'!#REF!</definedName>
    <definedName name="______________TT28" localSheetId="2">'[2]Relatório_1ª med_'!#REF!</definedName>
    <definedName name="______________TT28">'[2]Relatório_1ª med_'!#REF!</definedName>
    <definedName name="______________TT30" localSheetId="2">'[2]Relatório_1ª med_'!#REF!</definedName>
    <definedName name="______________TT30">'[2]Relatório_1ª med_'!#REF!</definedName>
    <definedName name="______________TT31" localSheetId="2">'[2]Relatório_1ª med_'!#REF!</definedName>
    <definedName name="______________TT31">'[2]Relatório_1ª med_'!#REF!</definedName>
    <definedName name="______________TT32" localSheetId="2">'[2]Relatório_1ª med_'!#REF!</definedName>
    <definedName name="______________TT32">'[2]Relatório_1ª med_'!#REF!</definedName>
    <definedName name="______________TT33" localSheetId="2">'[2]Relatório_1ª med_'!#REF!</definedName>
    <definedName name="______________TT33">'[2]Relatório_1ª med_'!#REF!</definedName>
    <definedName name="______________TT34" localSheetId="2">'[2]Relatório_1ª med_'!#REF!</definedName>
    <definedName name="______________TT34">'[2]Relatório_1ª med_'!#REF!</definedName>
    <definedName name="______________TT36" localSheetId="2">'[2]Relatório_1ª med_'!#REF!</definedName>
    <definedName name="______________TT36">'[2]Relatório_1ª med_'!#REF!</definedName>
    <definedName name="______________TT37" localSheetId="2">'[2]Relatório_1ª med_'!#REF!</definedName>
    <definedName name="______________TT37">'[2]Relatório_1ª med_'!#REF!</definedName>
    <definedName name="______________TT38" localSheetId="2">'[2]Relatório_1ª med_'!#REF!</definedName>
    <definedName name="______________TT38">'[2]Relatório_1ª med_'!#REF!</definedName>
    <definedName name="______________TT39" localSheetId="2">'[2]Relatório_1ª med_'!#REF!</definedName>
    <definedName name="______________TT39">'[2]Relatório_1ª med_'!#REF!</definedName>
    <definedName name="______________TT40" localSheetId="2">'[2]Relatório_1ª med_'!#REF!</definedName>
    <definedName name="______________TT40">'[2]Relatório_1ª med_'!#REF!</definedName>
    <definedName name="______________TT5" localSheetId="2">'[2]Relatório_1ª med_'!#REF!</definedName>
    <definedName name="______________TT5">'[2]Relatório_1ª med_'!#REF!</definedName>
    <definedName name="______________TT52" localSheetId="2">'[2]Relatório_1ª med_'!#REF!</definedName>
    <definedName name="______________TT52">'[2]Relatório_1ª med_'!#REF!</definedName>
    <definedName name="______________TT53" localSheetId="2">'[2]Relatório_1ª med_'!#REF!</definedName>
    <definedName name="______________TT53">'[2]Relatório_1ª med_'!#REF!</definedName>
    <definedName name="______________TT54" localSheetId="2">'[2]Relatório_1ª med_'!#REF!</definedName>
    <definedName name="______________TT54">'[2]Relatório_1ª med_'!#REF!</definedName>
    <definedName name="______________TT55" localSheetId="2">'[2]Relatório_1ª med_'!#REF!</definedName>
    <definedName name="______________TT55">'[2]Relatório_1ª med_'!#REF!</definedName>
    <definedName name="______________TT6" localSheetId="2">'[2]Relatório_1ª med_'!#REF!</definedName>
    <definedName name="______________TT6">'[2]Relatório_1ª med_'!#REF!</definedName>
    <definedName name="______________TT60" localSheetId="2">'[2]Relatório_1ª med_'!#REF!</definedName>
    <definedName name="______________TT60">'[2]Relatório_1ª med_'!#REF!</definedName>
    <definedName name="______________TT61" localSheetId="2">'[2]Relatório_1ª med_'!#REF!</definedName>
    <definedName name="______________TT61">'[2]Relatório_1ª med_'!#REF!</definedName>
    <definedName name="______________TT69" localSheetId="2">'[2]Relatório_1ª med_'!#REF!</definedName>
    <definedName name="______________TT69">'[2]Relatório_1ª med_'!#REF!</definedName>
    <definedName name="______________TT7" localSheetId="2">'[2]Relatório_1ª med_'!#REF!</definedName>
    <definedName name="______________TT7">'[2]Relatório_1ª med_'!#REF!</definedName>
    <definedName name="______________TT70" localSheetId="2">'[2]Relatório_1ª med_'!#REF!</definedName>
    <definedName name="______________TT70">'[2]Relatório_1ª med_'!#REF!</definedName>
    <definedName name="______________TT71" localSheetId="2">'[2]Relatório_1ª med_'!#REF!</definedName>
    <definedName name="______________TT71">'[2]Relatório_1ª med_'!#REF!</definedName>
    <definedName name="______________TT74" localSheetId="2">'[2]Relatório_1ª med_'!#REF!</definedName>
    <definedName name="______________TT74">'[2]Relatório_1ª med_'!#REF!</definedName>
    <definedName name="______________TT75" localSheetId="2">'[2]Relatório_1ª med_'!#REF!</definedName>
    <definedName name="______________TT75">'[2]Relatório_1ª med_'!#REF!</definedName>
    <definedName name="______________TT76" localSheetId="2">'[2]Relatório_1ª med_'!#REF!</definedName>
    <definedName name="______________TT76">'[2]Relatório_1ª med_'!#REF!</definedName>
    <definedName name="______________TT77" localSheetId="2">'[2]Relatório_1ª med_'!#REF!</definedName>
    <definedName name="______________TT77">'[2]Relatório_1ª med_'!#REF!</definedName>
    <definedName name="______________TT78" localSheetId="2">'[2]Relatório_1ª med_'!#REF!</definedName>
    <definedName name="______________TT78">'[2]Relatório_1ª med_'!#REF!</definedName>
    <definedName name="______________TT79" localSheetId="2">'[2]Relatório_1ª med_'!#REF!</definedName>
    <definedName name="______________TT79">'[2]Relatório_1ª med_'!#REF!</definedName>
    <definedName name="______________TT94" localSheetId="2">'[2]Relatório_1ª med_'!#REF!</definedName>
    <definedName name="______________TT94">'[2]Relatório_1ª med_'!#REF!</definedName>
    <definedName name="______________TT95" localSheetId="2">'[2]Relatório_1ª med_'!#REF!</definedName>
    <definedName name="______________TT95">'[2]Relatório_1ª med_'!#REF!</definedName>
    <definedName name="______________TT97" localSheetId="2">'[2]Relatório_1ª med_'!#REF!</definedName>
    <definedName name="______________TT97">'[2]Relatório_1ª med_'!#REF!</definedName>
    <definedName name="______________UNI11100" localSheetId="2">#REF!</definedName>
    <definedName name="______________UNI11100">#REF!</definedName>
    <definedName name="______________UNI11110" localSheetId="2">#REF!</definedName>
    <definedName name="______________UNI11110">#REF!</definedName>
    <definedName name="______________UNI11115" localSheetId="2">#REF!</definedName>
    <definedName name="______________UNI11115">#REF!</definedName>
    <definedName name="______________UNI11125" localSheetId="2">#REF!</definedName>
    <definedName name="______________UNI11125">#REF!</definedName>
    <definedName name="______________UNI11130" localSheetId="2">#REF!</definedName>
    <definedName name="______________UNI11130">#REF!</definedName>
    <definedName name="______________UNI11135" localSheetId="2">#REF!</definedName>
    <definedName name="______________UNI11135">#REF!</definedName>
    <definedName name="______________UNI11145" localSheetId="2">#REF!</definedName>
    <definedName name="______________UNI11145">#REF!</definedName>
    <definedName name="______________UNI11150" localSheetId="2">#REF!</definedName>
    <definedName name="______________UNI11150">#REF!</definedName>
    <definedName name="______________UNI11165" localSheetId="2">#REF!</definedName>
    <definedName name="______________UNI11165">#REF!</definedName>
    <definedName name="______________UNI11170" localSheetId="2">#REF!</definedName>
    <definedName name="______________UNI11170">#REF!</definedName>
    <definedName name="______________UNI11180" localSheetId="2">#REF!</definedName>
    <definedName name="______________UNI11180">#REF!</definedName>
    <definedName name="______________UNI11185" localSheetId="2">#REF!</definedName>
    <definedName name="______________UNI11185">#REF!</definedName>
    <definedName name="______________UNI11220" localSheetId="2">#REF!</definedName>
    <definedName name="______________UNI11220">#REF!</definedName>
    <definedName name="______________UNI12105" localSheetId="2">#REF!</definedName>
    <definedName name="______________UNI12105">#REF!</definedName>
    <definedName name="______________UNI12555" localSheetId="2">#REF!</definedName>
    <definedName name="______________UNI12555">#REF!</definedName>
    <definedName name="______________UNI12570" localSheetId="2">#REF!</definedName>
    <definedName name="______________UNI12570">#REF!</definedName>
    <definedName name="______________UNI12575" localSheetId="2">#REF!</definedName>
    <definedName name="______________UNI12575">#REF!</definedName>
    <definedName name="______________UNI12580" localSheetId="2">#REF!</definedName>
    <definedName name="______________UNI12580">#REF!</definedName>
    <definedName name="______________UNI12600" localSheetId="2">#REF!</definedName>
    <definedName name="______________UNI12600">#REF!</definedName>
    <definedName name="______________UNI12610" localSheetId="2">#REF!</definedName>
    <definedName name="______________UNI12610">#REF!</definedName>
    <definedName name="______________UNI12630" localSheetId="2">#REF!</definedName>
    <definedName name="______________UNI12630">#REF!</definedName>
    <definedName name="______________UNI12631" localSheetId="2">#REF!</definedName>
    <definedName name="______________UNI12631">#REF!</definedName>
    <definedName name="______________UNI12640" localSheetId="2">#REF!</definedName>
    <definedName name="______________UNI12640">#REF!</definedName>
    <definedName name="______________UNI12645" localSheetId="2">#REF!</definedName>
    <definedName name="______________UNI12645">#REF!</definedName>
    <definedName name="______________UNI12665" localSheetId="2">#REF!</definedName>
    <definedName name="______________UNI12665">#REF!</definedName>
    <definedName name="______________UNI12690" localSheetId="2">#REF!</definedName>
    <definedName name="______________UNI12690">#REF!</definedName>
    <definedName name="______________UNI12700" localSheetId="2">#REF!</definedName>
    <definedName name="______________UNI12700">#REF!</definedName>
    <definedName name="______________UNI12710" localSheetId="2">#REF!</definedName>
    <definedName name="______________UNI12710">#REF!</definedName>
    <definedName name="______________UNI13111" localSheetId="2">#REF!</definedName>
    <definedName name="______________UNI13111">#REF!</definedName>
    <definedName name="______________UNI13112" localSheetId="2">#REF!</definedName>
    <definedName name="______________UNI13112">#REF!</definedName>
    <definedName name="______________UNI13121" localSheetId="2">#REF!</definedName>
    <definedName name="______________UNI13121">#REF!</definedName>
    <definedName name="______________UNI13720" localSheetId="2">#REF!</definedName>
    <definedName name="______________UNI13720">#REF!</definedName>
    <definedName name="______________UNI14100" localSheetId="2">#REF!</definedName>
    <definedName name="______________UNI14100">#REF!</definedName>
    <definedName name="______________UNI14161" localSheetId="2">#REF!</definedName>
    <definedName name="______________UNI14161">#REF!</definedName>
    <definedName name="______________UNI14195" localSheetId="2">#REF!</definedName>
    <definedName name="______________UNI14195">#REF!</definedName>
    <definedName name="______________UNI14205" localSheetId="2">#REF!</definedName>
    <definedName name="______________UNI14205">#REF!</definedName>
    <definedName name="______________UNI14260" localSheetId="2">#REF!</definedName>
    <definedName name="______________UNI14260">#REF!</definedName>
    <definedName name="______________UNI14500" localSheetId="2">#REF!</definedName>
    <definedName name="______________UNI14500">#REF!</definedName>
    <definedName name="______________UNI14515" localSheetId="2">#REF!</definedName>
    <definedName name="______________UNI14515">#REF!</definedName>
    <definedName name="______________UNI14555" localSheetId="2">#REF!</definedName>
    <definedName name="______________UNI14555">#REF!</definedName>
    <definedName name="______________UNI14565" localSheetId="2">#REF!</definedName>
    <definedName name="______________UNI14565">#REF!</definedName>
    <definedName name="______________UNI15135" localSheetId="2">#REF!</definedName>
    <definedName name="______________UNI15135">#REF!</definedName>
    <definedName name="______________UNI15140" localSheetId="2">#REF!</definedName>
    <definedName name="______________UNI15140">#REF!</definedName>
    <definedName name="______________UNI15195" localSheetId="2">#REF!</definedName>
    <definedName name="______________UNI15195">#REF!</definedName>
    <definedName name="______________UNI15225" localSheetId="2">#REF!</definedName>
    <definedName name="______________UNI15225">#REF!</definedName>
    <definedName name="______________UNI15230" localSheetId="2">#REF!</definedName>
    <definedName name="______________UNI15230">#REF!</definedName>
    <definedName name="______________UNI15515" localSheetId="2">#REF!</definedName>
    <definedName name="______________UNI15515">#REF!</definedName>
    <definedName name="______________UNI15560" localSheetId="2">#REF!</definedName>
    <definedName name="______________UNI15560">#REF!</definedName>
    <definedName name="______________UNI15565" localSheetId="2">#REF!</definedName>
    <definedName name="______________UNI15565">#REF!</definedName>
    <definedName name="______________UNI15570" localSheetId="2">#REF!</definedName>
    <definedName name="______________UNI15570">#REF!</definedName>
    <definedName name="______________UNI15575" localSheetId="2">#REF!</definedName>
    <definedName name="______________UNI15575">#REF!</definedName>
    <definedName name="______________UNI15583" localSheetId="2">#REF!</definedName>
    <definedName name="______________UNI15583">#REF!</definedName>
    <definedName name="______________UNI15590" localSheetId="2">#REF!</definedName>
    <definedName name="______________UNI15590">#REF!</definedName>
    <definedName name="______________UNI15591" localSheetId="2">#REF!</definedName>
    <definedName name="______________UNI15591">#REF!</definedName>
    <definedName name="______________UNI15610" localSheetId="2">#REF!</definedName>
    <definedName name="______________UNI15610">#REF!</definedName>
    <definedName name="______________UNI15625" localSheetId="2">#REF!</definedName>
    <definedName name="______________UNI15625">#REF!</definedName>
    <definedName name="______________UNI15635" localSheetId="2">#REF!</definedName>
    <definedName name="______________UNI15635">#REF!</definedName>
    <definedName name="______________UNI15655" localSheetId="2">#REF!</definedName>
    <definedName name="______________UNI15655">#REF!</definedName>
    <definedName name="______________UNI15665" localSheetId="2">#REF!</definedName>
    <definedName name="______________UNI15665">#REF!</definedName>
    <definedName name="______________UNI16515" localSheetId="2">#REF!</definedName>
    <definedName name="______________UNI16515">#REF!</definedName>
    <definedName name="______________UNI16535" localSheetId="2">#REF!</definedName>
    <definedName name="______________UNI16535">#REF!</definedName>
    <definedName name="______________UNI17140" localSheetId="2">#REF!</definedName>
    <definedName name="______________UNI17140">#REF!</definedName>
    <definedName name="______________UNI19500" localSheetId="2">#REF!</definedName>
    <definedName name="______________UNI19500">#REF!</definedName>
    <definedName name="______________UNI19501" localSheetId="2">#REF!</definedName>
    <definedName name="______________UNI19501">#REF!</definedName>
    <definedName name="______________UNI19502" localSheetId="2">#REF!</definedName>
    <definedName name="______________UNI19502">#REF!</definedName>
    <definedName name="______________UNI19503" localSheetId="2">#REF!</definedName>
    <definedName name="______________UNI19503">#REF!</definedName>
    <definedName name="______________UNI19504" localSheetId="2">#REF!</definedName>
    <definedName name="______________UNI19504">#REF!</definedName>
    <definedName name="______________UNI19505" localSheetId="2">#REF!</definedName>
    <definedName name="______________UNI19505">#REF!</definedName>
    <definedName name="______________UNI20100" localSheetId="2">#REF!</definedName>
    <definedName name="______________UNI20100">#REF!</definedName>
    <definedName name="______________UNI20105" localSheetId="2">#REF!</definedName>
    <definedName name="______________UNI20105">#REF!</definedName>
    <definedName name="______________UNI20110" localSheetId="2">#REF!</definedName>
    <definedName name="______________UNI20110">#REF!</definedName>
    <definedName name="______________UNI20115" localSheetId="2">#REF!</definedName>
    <definedName name="______________UNI20115">#REF!</definedName>
    <definedName name="______________UNI20130" localSheetId="2">#REF!</definedName>
    <definedName name="______________UNI20130">#REF!</definedName>
    <definedName name="______________UNI20140" localSheetId="2">#REF!</definedName>
    <definedName name="______________UNI20140">#REF!</definedName>
    <definedName name="______________UNI20145" localSheetId="2">#REF!</definedName>
    <definedName name="______________UNI20145">#REF!</definedName>
    <definedName name="______________UNI20150" localSheetId="2">#REF!</definedName>
    <definedName name="______________UNI20150">#REF!</definedName>
    <definedName name="______________UNI20155" localSheetId="2">#REF!</definedName>
    <definedName name="______________UNI20155">#REF!</definedName>
    <definedName name="______________UNI20175" localSheetId="2">#REF!</definedName>
    <definedName name="______________UNI20175">#REF!</definedName>
    <definedName name="______________UNI20185" localSheetId="2">#REF!</definedName>
    <definedName name="______________UNI20185">#REF!</definedName>
    <definedName name="______________UNI20190" localSheetId="2">#REF!</definedName>
    <definedName name="______________UNI20190">#REF!</definedName>
    <definedName name="______________UNI20195" localSheetId="2">#REF!</definedName>
    <definedName name="______________UNI20195">#REF!</definedName>
    <definedName name="______________UNI20210" localSheetId="2">#REF!</definedName>
    <definedName name="______________UNI20210">#REF!</definedName>
    <definedName name="______________VAL11100" localSheetId="2">#REF!</definedName>
    <definedName name="______________VAL11100">#REF!</definedName>
    <definedName name="______________VAL11110" localSheetId="2">#REF!</definedName>
    <definedName name="______________VAL11110">#REF!</definedName>
    <definedName name="______________VAL11115" localSheetId="2">#REF!</definedName>
    <definedName name="______________VAL11115">#REF!</definedName>
    <definedName name="______________VAL11125" localSheetId="2">#REF!</definedName>
    <definedName name="______________VAL11125">#REF!</definedName>
    <definedName name="______________VAL11130" localSheetId="2">#REF!</definedName>
    <definedName name="______________VAL11130">#REF!</definedName>
    <definedName name="______________VAL11135" localSheetId="2">#REF!</definedName>
    <definedName name="______________VAL11135">#REF!</definedName>
    <definedName name="______________VAL11145" localSheetId="2">#REF!</definedName>
    <definedName name="______________VAL11145">#REF!</definedName>
    <definedName name="______________VAL11150" localSheetId="2">#REF!</definedName>
    <definedName name="______________VAL11150">#REF!</definedName>
    <definedName name="______________VAL11165" localSheetId="2">#REF!</definedName>
    <definedName name="______________VAL11165">#REF!</definedName>
    <definedName name="______________VAL11170" localSheetId="2">#REF!</definedName>
    <definedName name="______________VAL11170">#REF!</definedName>
    <definedName name="______________VAL11180" localSheetId="2">#REF!</definedName>
    <definedName name="______________VAL11180">#REF!</definedName>
    <definedName name="______________VAL11185" localSheetId="2">#REF!</definedName>
    <definedName name="______________VAL11185">#REF!</definedName>
    <definedName name="______________VAL11220" localSheetId="2">#REF!</definedName>
    <definedName name="______________VAL11220">#REF!</definedName>
    <definedName name="______________VAL12105" localSheetId="2">#REF!</definedName>
    <definedName name="______________VAL12105">#REF!</definedName>
    <definedName name="______________VAL12555" localSheetId="2">#REF!</definedName>
    <definedName name="______________VAL12555">#REF!</definedName>
    <definedName name="______________VAL12570" localSheetId="2">#REF!</definedName>
    <definedName name="______________VAL12570">#REF!</definedName>
    <definedName name="______________VAL12575" localSheetId="2">#REF!</definedName>
    <definedName name="______________VAL12575">#REF!</definedName>
    <definedName name="______________VAL12580" localSheetId="2">#REF!</definedName>
    <definedName name="______________VAL12580">#REF!</definedName>
    <definedName name="______________VAL12600" localSheetId="2">#REF!</definedName>
    <definedName name="______________VAL12600">#REF!</definedName>
    <definedName name="______________VAL12610" localSheetId="2">#REF!</definedName>
    <definedName name="______________VAL12610">#REF!</definedName>
    <definedName name="______________VAL12630" localSheetId="2">#REF!</definedName>
    <definedName name="______________VAL12630">#REF!</definedName>
    <definedName name="______________VAL12631" localSheetId="2">#REF!</definedName>
    <definedName name="______________VAL12631">#REF!</definedName>
    <definedName name="______________VAL12640" localSheetId="2">#REF!</definedName>
    <definedName name="______________VAL12640">#REF!</definedName>
    <definedName name="______________VAL12645" localSheetId="2">#REF!</definedName>
    <definedName name="______________VAL12645">#REF!</definedName>
    <definedName name="______________VAL12665" localSheetId="2">#REF!</definedName>
    <definedName name="______________VAL12665">#REF!</definedName>
    <definedName name="______________VAL12690" localSheetId="2">#REF!</definedName>
    <definedName name="______________VAL12690">#REF!</definedName>
    <definedName name="______________VAL12700" localSheetId="2">#REF!</definedName>
    <definedName name="______________VAL12700">#REF!</definedName>
    <definedName name="______________VAL12710" localSheetId="2">#REF!</definedName>
    <definedName name="______________VAL12710">#REF!</definedName>
    <definedName name="______________VAL13111" localSheetId="2">#REF!</definedName>
    <definedName name="______________VAL13111">#REF!</definedName>
    <definedName name="______________VAL13112" localSheetId="2">#REF!</definedName>
    <definedName name="______________VAL13112">#REF!</definedName>
    <definedName name="______________VAL13121" localSheetId="2">#REF!</definedName>
    <definedName name="______________VAL13121">#REF!</definedName>
    <definedName name="______________VAL13720" localSheetId="2">#REF!</definedName>
    <definedName name="______________VAL13720">#REF!</definedName>
    <definedName name="______________VAL14100" localSheetId="2">#REF!</definedName>
    <definedName name="______________VAL14100">#REF!</definedName>
    <definedName name="______________VAL14161" localSheetId="2">#REF!</definedName>
    <definedName name="______________VAL14161">#REF!</definedName>
    <definedName name="______________VAL14195" localSheetId="2">#REF!</definedName>
    <definedName name="______________VAL14195">#REF!</definedName>
    <definedName name="______________VAL14205" localSheetId="2">#REF!</definedName>
    <definedName name="______________VAL14205">#REF!</definedName>
    <definedName name="______________VAL14260" localSheetId="2">#REF!</definedName>
    <definedName name="______________VAL14260">#REF!</definedName>
    <definedName name="______________VAL14500" localSheetId="2">#REF!</definedName>
    <definedName name="______________VAL14500">#REF!</definedName>
    <definedName name="______________VAL14515" localSheetId="2">#REF!</definedName>
    <definedName name="______________VAL14515">#REF!</definedName>
    <definedName name="______________VAL14555" localSheetId="2">#REF!</definedName>
    <definedName name="______________VAL14555">#REF!</definedName>
    <definedName name="______________VAL14565" localSheetId="2">#REF!</definedName>
    <definedName name="______________VAL14565">#REF!</definedName>
    <definedName name="______________VAL15135" localSheetId="2">#REF!</definedName>
    <definedName name="______________VAL15135">#REF!</definedName>
    <definedName name="______________VAL15140" localSheetId="2">#REF!</definedName>
    <definedName name="______________VAL15140">#REF!</definedName>
    <definedName name="______________VAL15195" localSheetId="2">#REF!</definedName>
    <definedName name="______________VAL15195">#REF!</definedName>
    <definedName name="______________VAL15225" localSheetId="2">#REF!</definedName>
    <definedName name="______________VAL15225">#REF!</definedName>
    <definedName name="______________VAL15230" localSheetId="2">#REF!</definedName>
    <definedName name="______________VAL15230">#REF!</definedName>
    <definedName name="______________VAL15515" localSheetId="2">#REF!</definedName>
    <definedName name="______________VAL15515">#REF!</definedName>
    <definedName name="______________VAL15560" localSheetId="2">#REF!</definedName>
    <definedName name="______________VAL15560">#REF!</definedName>
    <definedName name="______________VAL15565" localSheetId="2">#REF!</definedName>
    <definedName name="______________VAL15565">#REF!</definedName>
    <definedName name="______________VAL15570" localSheetId="2">#REF!</definedName>
    <definedName name="______________VAL15570">#REF!</definedName>
    <definedName name="______________VAL15575" localSheetId="2">#REF!</definedName>
    <definedName name="______________VAL15575">#REF!</definedName>
    <definedName name="______________VAL15583" localSheetId="2">#REF!</definedName>
    <definedName name="______________VAL15583">#REF!</definedName>
    <definedName name="______________VAL15590" localSheetId="2">#REF!</definedName>
    <definedName name="______________VAL15590">#REF!</definedName>
    <definedName name="______________VAL15591" localSheetId="2">#REF!</definedName>
    <definedName name="______________VAL15591">#REF!</definedName>
    <definedName name="______________VAL15610" localSheetId="2">#REF!</definedName>
    <definedName name="______________VAL15610">#REF!</definedName>
    <definedName name="______________VAL15625" localSheetId="2">#REF!</definedName>
    <definedName name="______________VAL15625">#REF!</definedName>
    <definedName name="______________VAL15635" localSheetId="2">#REF!</definedName>
    <definedName name="______________VAL15635">#REF!</definedName>
    <definedName name="______________VAL15655" localSheetId="2">#REF!</definedName>
    <definedName name="______________VAL15655">#REF!</definedName>
    <definedName name="______________VAL15665" localSheetId="2">#REF!</definedName>
    <definedName name="______________VAL15665">#REF!</definedName>
    <definedName name="______________VAL16515" localSheetId="2">#REF!</definedName>
    <definedName name="______________VAL16515">#REF!</definedName>
    <definedName name="______________VAL16535" localSheetId="2">#REF!</definedName>
    <definedName name="______________VAL16535">#REF!</definedName>
    <definedName name="______________VAL17140" localSheetId="2">#REF!</definedName>
    <definedName name="______________VAL17140">#REF!</definedName>
    <definedName name="______________VAL19500" localSheetId="2">#REF!</definedName>
    <definedName name="______________VAL19500">#REF!</definedName>
    <definedName name="______________VAL19501" localSheetId="2">#REF!</definedName>
    <definedName name="______________VAL19501">#REF!</definedName>
    <definedName name="______________VAL19502" localSheetId="2">#REF!</definedName>
    <definedName name="______________VAL19502">#REF!</definedName>
    <definedName name="______________VAL19503" localSheetId="2">#REF!</definedName>
    <definedName name="______________VAL19503">#REF!</definedName>
    <definedName name="______________VAL19504" localSheetId="2">#REF!</definedName>
    <definedName name="______________VAL19504">#REF!</definedName>
    <definedName name="______________VAL19505" localSheetId="2">#REF!</definedName>
    <definedName name="______________VAL19505">#REF!</definedName>
    <definedName name="______________VAL20100" localSheetId="2">#REF!</definedName>
    <definedName name="______________VAL20100">#REF!</definedName>
    <definedName name="______________VAL20105" localSheetId="2">#REF!</definedName>
    <definedName name="______________VAL20105">#REF!</definedName>
    <definedName name="______________VAL20110" localSheetId="2">#REF!</definedName>
    <definedName name="______________VAL20110">#REF!</definedName>
    <definedName name="______________VAL20115" localSheetId="2">#REF!</definedName>
    <definedName name="______________VAL20115">#REF!</definedName>
    <definedName name="______________VAL20130" localSheetId="2">#REF!</definedName>
    <definedName name="______________VAL20130">#REF!</definedName>
    <definedName name="______________VAL20135" localSheetId="2">#REF!</definedName>
    <definedName name="______________VAL20135">#REF!</definedName>
    <definedName name="______________VAL20140" localSheetId="2">#REF!</definedName>
    <definedName name="______________VAL20140">#REF!</definedName>
    <definedName name="______________VAL20145" localSheetId="2">#REF!</definedName>
    <definedName name="______________VAL20145">#REF!</definedName>
    <definedName name="______________VAL20150" localSheetId="2">#REF!</definedName>
    <definedName name="______________VAL20150">#REF!</definedName>
    <definedName name="______________VAL20155" localSheetId="2">#REF!</definedName>
    <definedName name="______________VAL20155">#REF!</definedName>
    <definedName name="______________VAL20175" localSheetId="2">#REF!</definedName>
    <definedName name="______________VAL20175">#REF!</definedName>
    <definedName name="______________VAL20185" localSheetId="2">#REF!</definedName>
    <definedName name="______________VAL20185">#REF!</definedName>
    <definedName name="______________VAL20190" localSheetId="2">#REF!</definedName>
    <definedName name="______________VAL20190">#REF!</definedName>
    <definedName name="______________VAL20195" localSheetId="2">#REF!</definedName>
    <definedName name="______________VAL20195">#REF!</definedName>
    <definedName name="______________VAL20210" localSheetId="2">#REF!</definedName>
    <definedName name="______________VAL20210">#REF!</definedName>
    <definedName name="_____________UNI20135" localSheetId="2">#REF!</definedName>
    <definedName name="_____________UNI20135">#REF!</definedName>
    <definedName name="___________RET1">[1]Regula!$J$36</definedName>
    <definedName name="__________PRE010206" localSheetId="2">#REF!</definedName>
    <definedName name="__________PRE010206">#REF!</definedName>
    <definedName name="__________R" localSheetId="2">#REF!</definedName>
    <definedName name="__________R">#REF!</definedName>
    <definedName name="__________REC13112" localSheetId="2">#REF!</definedName>
    <definedName name="__________REC13112">#REF!</definedName>
    <definedName name="__________RET1">[1]Regula!$J$36</definedName>
    <definedName name="__________UNI13112" localSheetId="2">#REF!</definedName>
    <definedName name="__________UNI13112">#REF!</definedName>
    <definedName name="__________VAL13112" localSheetId="2">#REF!</definedName>
    <definedName name="__________VAL13112">#REF!</definedName>
    <definedName name="_________A1" localSheetId="2">#REF!</definedName>
    <definedName name="_________A1">#REF!</definedName>
    <definedName name="_________cab1" localSheetId="2">#REF!</definedName>
    <definedName name="_________cab1">#REF!</definedName>
    <definedName name="_________COM010201" localSheetId="2">#REF!</definedName>
    <definedName name="_________COM010201">#REF!</definedName>
    <definedName name="_________COM010202" localSheetId="2">#REF!</definedName>
    <definedName name="_________COM010202">#REF!</definedName>
    <definedName name="_________COM010205" localSheetId="2">#REF!</definedName>
    <definedName name="_________COM010205">#REF!</definedName>
    <definedName name="_________COM010206" localSheetId="2">#REF!</definedName>
    <definedName name="_________COM010206">#REF!</definedName>
    <definedName name="_________COM010210" localSheetId="2">#REF!</definedName>
    <definedName name="_________COM010210">#REF!</definedName>
    <definedName name="_________COM010301" localSheetId="2">#REF!</definedName>
    <definedName name="_________COM010301">#REF!</definedName>
    <definedName name="_________COM010401" localSheetId="2">#REF!</definedName>
    <definedName name="_________COM010401">#REF!</definedName>
    <definedName name="_________COM010402" localSheetId="2">#REF!</definedName>
    <definedName name="_________COM010402">#REF!</definedName>
    <definedName name="_________COM010407" localSheetId="2">#REF!</definedName>
    <definedName name="_________COM010407">#REF!</definedName>
    <definedName name="_________COM010413" localSheetId="2">#REF!</definedName>
    <definedName name="_________COM010413">#REF!</definedName>
    <definedName name="_________COM010501" localSheetId="2">#REF!</definedName>
    <definedName name="_________COM010501">#REF!</definedName>
    <definedName name="_________COM010503" localSheetId="2">#REF!</definedName>
    <definedName name="_________COM010503">#REF!</definedName>
    <definedName name="_________COM010505" localSheetId="2">#REF!</definedName>
    <definedName name="_________COM010505">#REF!</definedName>
    <definedName name="_________COM010509" localSheetId="2">#REF!</definedName>
    <definedName name="_________COM010509">#REF!</definedName>
    <definedName name="_________COM010512" localSheetId="2">#REF!</definedName>
    <definedName name="_________COM010512">#REF!</definedName>
    <definedName name="_________COM010518" localSheetId="2">#REF!</definedName>
    <definedName name="_________COM010518">#REF!</definedName>
    <definedName name="_________COM010519" localSheetId="2">#REF!</definedName>
    <definedName name="_________COM010519">#REF!</definedName>
    <definedName name="_________COM010521" localSheetId="2">#REF!</definedName>
    <definedName name="_________COM010521">#REF!</definedName>
    <definedName name="_________COM010523" localSheetId="2">#REF!</definedName>
    <definedName name="_________COM010523">#REF!</definedName>
    <definedName name="_________COM010532" localSheetId="2">#REF!</definedName>
    <definedName name="_________COM010532">#REF!</definedName>
    <definedName name="_________COM010533" localSheetId="2">#REF!</definedName>
    <definedName name="_________COM010533">#REF!</definedName>
    <definedName name="_________COM010536" localSheetId="2">#REF!</definedName>
    <definedName name="_________COM010536">#REF!</definedName>
    <definedName name="_________COM010701" localSheetId="2">#REF!</definedName>
    <definedName name="_________COM010701">#REF!</definedName>
    <definedName name="_________COM010703" localSheetId="2">#REF!</definedName>
    <definedName name="_________COM010703">#REF!</definedName>
    <definedName name="_________COM010705" localSheetId="2">#REF!</definedName>
    <definedName name="_________COM010705">#REF!</definedName>
    <definedName name="_________COM010708" localSheetId="2">#REF!</definedName>
    <definedName name="_________COM010708">#REF!</definedName>
    <definedName name="_________COM010710" localSheetId="2">#REF!</definedName>
    <definedName name="_________COM010710">#REF!</definedName>
    <definedName name="_________COM010712" localSheetId="2">#REF!</definedName>
    <definedName name="_________COM010712">#REF!</definedName>
    <definedName name="_________COM010717" localSheetId="2">#REF!</definedName>
    <definedName name="_________COM010717">#REF!</definedName>
    <definedName name="_________COM010718" localSheetId="2">#REF!</definedName>
    <definedName name="_________COM010718">#REF!</definedName>
    <definedName name="_________COM020201" localSheetId="2">#REF!</definedName>
    <definedName name="_________COM020201">#REF!</definedName>
    <definedName name="_________COM020205" localSheetId="2">#REF!</definedName>
    <definedName name="_________COM020205">#REF!</definedName>
    <definedName name="_________COM020211" localSheetId="2">#REF!</definedName>
    <definedName name="_________COM020211">#REF!</definedName>
    <definedName name="_________COM020217" localSheetId="2">#REF!</definedName>
    <definedName name="_________COM020217">#REF!</definedName>
    <definedName name="_________COM030102" localSheetId="2">#REF!</definedName>
    <definedName name="_________COM030102">#REF!</definedName>
    <definedName name="_________COM030201" localSheetId="2">#REF!</definedName>
    <definedName name="_________COM030201">#REF!</definedName>
    <definedName name="_________COM030303" localSheetId="2">#REF!</definedName>
    <definedName name="_________COM030303">#REF!</definedName>
    <definedName name="_________COM030317" localSheetId="2">#REF!</definedName>
    <definedName name="_________COM030317">#REF!</definedName>
    <definedName name="_________COM040101" localSheetId="2">#REF!</definedName>
    <definedName name="_________COM040101">#REF!</definedName>
    <definedName name="_________COM040202" localSheetId="2">#REF!</definedName>
    <definedName name="_________COM040202">#REF!</definedName>
    <definedName name="_________COM050103" localSheetId="2">#REF!</definedName>
    <definedName name="_________COM050103">#REF!</definedName>
    <definedName name="_________COM050207" localSheetId="2">#REF!</definedName>
    <definedName name="_________COM050207">#REF!</definedName>
    <definedName name="_________COM060101" localSheetId="2">#REF!</definedName>
    <definedName name="_________COM060101">#REF!</definedName>
    <definedName name="_________COM080101" localSheetId="2">#REF!</definedName>
    <definedName name="_________COM080101">#REF!</definedName>
    <definedName name="_________COM080310" localSheetId="2">#REF!</definedName>
    <definedName name="_________COM080310">#REF!</definedName>
    <definedName name="_________COM090101" localSheetId="2">#REF!</definedName>
    <definedName name="_________COM090101">#REF!</definedName>
    <definedName name="_________COM100302" localSheetId="2">#REF!</definedName>
    <definedName name="_________COM100302">#REF!</definedName>
    <definedName name="_________COM110101" localSheetId="2">#REF!</definedName>
    <definedName name="_________COM110101">#REF!</definedName>
    <definedName name="_________COM110104" localSheetId="2">#REF!</definedName>
    <definedName name="_________COM110104">#REF!</definedName>
    <definedName name="_________COM110107" localSheetId="2">#REF!</definedName>
    <definedName name="_________COM110107">#REF!</definedName>
    <definedName name="_________COM120101" localSheetId="2">#REF!</definedName>
    <definedName name="_________COM120101">#REF!</definedName>
    <definedName name="_________COM120105" localSheetId="2">#REF!</definedName>
    <definedName name="_________COM120105">#REF!</definedName>
    <definedName name="_________COM120106" localSheetId="2">#REF!</definedName>
    <definedName name="_________COM120106">#REF!</definedName>
    <definedName name="_________COM120107" localSheetId="2">#REF!</definedName>
    <definedName name="_________COM120107">#REF!</definedName>
    <definedName name="_________COM120110" localSheetId="2">#REF!</definedName>
    <definedName name="_________COM120110">#REF!</definedName>
    <definedName name="_________COM120150" localSheetId="2">#REF!</definedName>
    <definedName name="_________COM120150">#REF!</definedName>
    <definedName name="_________COM130101" localSheetId="2">#REF!</definedName>
    <definedName name="_________COM130101">#REF!</definedName>
    <definedName name="_________COM130103" localSheetId="2">#REF!</definedName>
    <definedName name="_________COM130103">#REF!</definedName>
    <definedName name="_________COM130304" localSheetId="2">#REF!</definedName>
    <definedName name="_________COM130304">#REF!</definedName>
    <definedName name="_________COM130401" localSheetId="2">#REF!</definedName>
    <definedName name="_________COM130401">#REF!</definedName>
    <definedName name="_________COM140102" localSheetId="2">#REF!</definedName>
    <definedName name="_________COM140102">#REF!</definedName>
    <definedName name="_________COM140109" localSheetId="2">#REF!</definedName>
    <definedName name="_________COM140109">#REF!</definedName>
    <definedName name="_________COM140113" localSheetId="2">#REF!</definedName>
    <definedName name="_________COM140113">#REF!</definedName>
    <definedName name="_________COM140122" localSheetId="2">#REF!</definedName>
    <definedName name="_________COM140122">#REF!</definedName>
    <definedName name="_________COM140126" localSheetId="2">#REF!</definedName>
    <definedName name="_________COM140126">#REF!</definedName>
    <definedName name="_________COM140129" localSheetId="2">#REF!</definedName>
    <definedName name="_________COM140129">#REF!</definedName>
    <definedName name="_________COM140135" localSheetId="2">#REF!</definedName>
    <definedName name="_________COM140135">#REF!</definedName>
    <definedName name="_________COM140143" localSheetId="2">#REF!</definedName>
    <definedName name="_________COM140143">#REF!</definedName>
    <definedName name="_________COM140145" localSheetId="2">#REF!</definedName>
    <definedName name="_________COM140145">#REF!</definedName>
    <definedName name="_________COM150130" localSheetId="2">#REF!</definedName>
    <definedName name="_________COM150130">#REF!</definedName>
    <definedName name="_________COM170101" localSheetId="2">#REF!</definedName>
    <definedName name="_________COM170101">#REF!</definedName>
    <definedName name="_________COM170102" localSheetId="2">#REF!</definedName>
    <definedName name="_________COM170102">#REF!</definedName>
    <definedName name="_________COM170103" localSheetId="2">#REF!</definedName>
    <definedName name="_________COM170103">#REF!</definedName>
    <definedName name="_________GLB2" localSheetId="2">#REF!</definedName>
    <definedName name="_________GLB2">#REF!</definedName>
    <definedName name="_________i3" localSheetId="2">#REF!</definedName>
    <definedName name="_________i3">#REF!</definedName>
    <definedName name="_________MAO010201" localSheetId="2">#REF!</definedName>
    <definedName name="_________MAO010201">#REF!</definedName>
    <definedName name="_________MAO010202" localSheetId="2">#REF!</definedName>
    <definedName name="_________MAO010202">#REF!</definedName>
    <definedName name="_________MAO010205" localSheetId="2">#REF!</definedName>
    <definedName name="_________MAO010205">#REF!</definedName>
    <definedName name="_________MAO010206" localSheetId="2">#REF!</definedName>
    <definedName name="_________MAO010206">#REF!</definedName>
    <definedName name="_________MAO010210" localSheetId="2">#REF!</definedName>
    <definedName name="_________MAO010210">#REF!</definedName>
    <definedName name="_________MAO010401" localSheetId="2">#REF!</definedName>
    <definedName name="_________MAO010401">#REF!</definedName>
    <definedName name="_________MAO010402" localSheetId="2">#REF!</definedName>
    <definedName name="_________MAO010402">#REF!</definedName>
    <definedName name="_________MAO010407" localSheetId="2">#REF!</definedName>
    <definedName name="_________MAO010407">#REF!</definedName>
    <definedName name="_________MAO010413" localSheetId="2">#REF!</definedName>
    <definedName name="_________MAO010413">#REF!</definedName>
    <definedName name="_________MAO010501" localSheetId="2">#REF!</definedName>
    <definedName name="_________MAO010501">#REF!</definedName>
    <definedName name="_________MAO010503" localSheetId="2">#REF!</definedName>
    <definedName name="_________MAO010503">#REF!</definedName>
    <definedName name="_________MAO010505" localSheetId="2">#REF!</definedName>
    <definedName name="_________MAO010505">#REF!</definedName>
    <definedName name="_________MAO010509" localSheetId="2">#REF!</definedName>
    <definedName name="_________MAO010509">#REF!</definedName>
    <definedName name="_________MAO010512" localSheetId="2">#REF!</definedName>
    <definedName name="_________MAO010512">#REF!</definedName>
    <definedName name="_________MAO010518" localSheetId="2">#REF!</definedName>
    <definedName name="_________MAO010518">#REF!</definedName>
    <definedName name="_________MAO010519" localSheetId="2">#REF!</definedName>
    <definedName name="_________MAO010519">#REF!</definedName>
    <definedName name="_________MAO010521" localSheetId="2">#REF!</definedName>
    <definedName name="_________MAO010521">#REF!</definedName>
    <definedName name="_________MAO010523" localSheetId="2">#REF!</definedName>
    <definedName name="_________MAO010523">#REF!</definedName>
    <definedName name="_________MAO010532" localSheetId="2">#REF!</definedName>
    <definedName name="_________MAO010532">#REF!</definedName>
    <definedName name="_________MAO010533" localSheetId="2">#REF!</definedName>
    <definedName name="_________MAO010533">#REF!</definedName>
    <definedName name="_________MAO010536" localSheetId="2">#REF!</definedName>
    <definedName name="_________MAO010536">#REF!</definedName>
    <definedName name="_________MAO010701" localSheetId="2">#REF!</definedName>
    <definedName name="_________MAO010701">#REF!</definedName>
    <definedName name="_________MAO010703" localSheetId="2">#REF!</definedName>
    <definedName name="_________MAO010703">#REF!</definedName>
    <definedName name="_________MAO010705" localSheetId="2">#REF!</definedName>
    <definedName name="_________MAO010705">#REF!</definedName>
    <definedName name="_________MAO010708" localSheetId="2">#REF!</definedName>
    <definedName name="_________MAO010708">#REF!</definedName>
    <definedName name="_________MAO010710" localSheetId="2">#REF!</definedName>
    <definedName name="_________MAO010710">#REF!</definedName>
    <definedName name="_________MAO010712" localSheetId="2">#REF!</definedName>
    <definedName name="_________MAO010712">#REF!</definedName>
    <definedName name="_________MAO010717" localSheetId="2">#REF!</definedName>
    <definedName name="_________MAO010717">#REF!</definedName>
    <definedName name="_________MAO020201" localSheetId="2">#REF!</definedName>
    <definedName name="_________MAO020201">#REF!</definedName>
    <definedName name="_________MAO020205" localSheetId="2">#REF!</definedName>
    <definedName name="_________MAO020205">#REF!</definedName>
    <definedName name="_________MAO020211" localSheetId="2">#REF!</definedName>
    <definedName name="_________MAO020211">#REF!</definedName>
    <definedName name="_________MAO020217" localSheetId="2">#REF!</definedName>
    <definedName name="_________MAO020217">#REF!</definedName>
    <definedName name="_________MAO030102" localSheetId="2">#REF!</definedName>
    <definedName name="_________MAO030102">#REF!</definedName>
    <definedName name="_________MAO030201" localSheetId="2">#REF!</definedName>
    <definedName name="_________MAO030201">#REF!</definedName>
    <definedName name="_________MAO030303" localSheetId="2">#REF!</definedName>
    <definedName name="_________MAO030303">#REF!</definedName>
    <definedName name="_________MAO030317" localSheetId="2">#REF!</definedName>
    <definedName name="_________MAO030317">#REF!</definedName>
    <definedName name="_________MAO040101" localSheetId="2">#REF!</definedName>
    <definedName name="_________MAO040101">#REF!</definedName>
    <definedName name="_________MAO040202" localSheetId="2">#REF!</definedName>
    <definedName name="_________MAO040202">#REF!</definedName>
    <definedName name="_________MAO050103" localSheetId="2">#REF!</definedName>
    <definedName name="_________MAO050103">#REF!</definedName>
    <definedName name="_________MAO050207" localSheetId="2">#REF!</definedName>
    <definedName name="_________MAO050207">#REF!</definedName>
    <definedName name="_________MAO060101" localSheetId="2">#REF!</definedName>
    <definedName name="_________MAO060101">#REF!</definedName>
    <definedName name="_________MAO080310" localSheetId="2">#REF!</definedName>
    <definedName name="_________MAO080310">#REF!</definedName>
    <definedName name="_________MAO090101" localSheetId="2">#REF!</definedName>
    <definedName name="_________MAO090101">#REF!</definedName>
    <definedName name="_________MAO110101" localSheetId="2">#REF!</definedName>
    <definedName name="_________MAO110101">#REF!</definedName>
    <definedName name="_________MAO110104" localSheetId="2">#REF!</definedName>
    <definedName name="_________MAO110104">#REF!</definedName>
    <definedName name="_________MAO110107" localSheetId="2">#REF!</definedName>
    <definedName name="_________MAO110107">#REF!</definedName>
    <definedName name="_________MAO120101" localSheetId="2">#REF!</definedName>
    <definedName name="_________MAO120101">#REF!</definedName>
    <definedName name="_________MAO120105" localSheetId="2">#REF!</definedName>
    <definedName name="_________MAO120105">#REF!</definedName>
    <definedName name="_________MAO120106" localSheetId="2">#REF!</definedName>
    <definedName name="_________MAO120106">#REF!</definedName>
    <definedName name="_________MAO120107" localSheetId="2">#REF!</definedName>
    <definedName name="_________MAO120107">#REF!</definedName>
    <definedName name="_________MAO120110" localSheetId="2">#REF!</definedName>
    <definedName name="_________MAO120110">#REF!</definedName>
    <definedName name="_________MAO120150" localSheetId="2">#REF!</definedName>
    <definedName name="_________MAO120150">#REF!</definedName>
    <definedName name="_________MAO130101" localSheetId="2">#REF!</definedName>
    <definedName name="_________MAO130101">#REF!</definedName>
    <definedName name="_________MAO130103" localSheetId="2">#REF!</definedName>
    <definedName name="_________MAO130103">#REF!</definedName>
    <definedName name="_________MAO130304" localSheetId="2">#REF!</definedName>
    <definedName name="_________MAO130304">#REF!</definedName>
    <definedName name="_________MAO130401" localSheetId="2">#REF!</definedName>
    <definedName name="_________MAO130401">#REF!</definedName>
    <definedName name="_________MAO140102" localSheetId="2">#REF!</definedName>
    <definedName name="_________MAO140102">#REF!</definedName>
    <definedName name="_________MAO140109" localSheetId="2">#REF!</definedName>
    <definedName name="_________MAO140109">#REF!</definedName>
    <definedName name="_________MAO140113" localSheetId="2">#REF!</definedName>
    <definedName name="_________MAO140113">#REF!</definedName>
    <definedName name="_________MAO140122" localSheetId="2">#REF!</definedName>
    <definedName name="_________MAO140122">#REF!</definedName>
    <definedName name="_________MAO140126" localSheetId="2">#REF!</definedName>
    <definedName name="_________MAO140126">#REF!</definedName>
    <definedName name="_________MAO140129" localSheetId="2">#REF!</definedName>
    <definedName name="_________MAO140129">#REF!</definedName>
    <definedName name="_________MAO140135" localSheetId="2">#REF!</definedName>
    <definedName name="_________MAO140135">#REF!</definedName>
    <definedName name="_________MAO140143" localSheetId="2">#REF!</definedName>
    <definedName name="_________MAO140143">#REF!</definedName>
    <definedName name="_________MAO140145" localSheetId="2">#REF!</definedName>
    <definedName name="_________MAO140145">#REF!</definedName>
    <definedName name="_________MAT010301" localSheetId="2">#REF!</definedName>
    <definedName name="_________MAT010301">#REF!</definedName>
    <definedName name="_________MAT010401" localSheetId="2">#REF!</definedName>
    <definedName name="_________MAT010401">#REF!</definedName>
    <definedName name="_________MAT010402" localSheetId="2">#REF!</definedName>
    <definedName name="_________MAT010402">#REF!</definedName>
    <definedName name="_________MAT010407" localSheetId="2">#REF!</definedName>
    <definedName name="_________MAT010407">#REF!</definedName>
    <definedName name="_________MAT010413" localSheetId="2">#REF!</definedName>
    <definedName name="_________MAT010413">#REF!</definedName>
    <definedName name="_________MAT010536" localSheetId="2">#REF!</definedName>
    <definedName name="_________MAT010536">#REF!</definedName>
    <definedName name="_________MAT010703" localSheetId="2">#REF!</definedName>
    <definedName name="_________MAT010703">#REF!</definedName>
    <definedName name="_________MAT010708" localSheetId="2">#REF!</definedName>
    <definedName name="_________MAT010708">#REF!</definedName>
    <definedName name="_________MAT010710" localSheetId="2">#REF!</definedName>
    <definedName name="_________MAT010710">#REF!</definedName>
    <definedName name="_________MAT010718" localSheetId="2">#REF!</definedName>
    <definedName name="_________MAT010718">#REF!</definedName>
    <definedName name="_________MAT020201" localSheetId="2">#REF!</definedName>
    <definedName name="_________MAT020201">#REF!</definedName>
    <definedName name="_________MAT020205" localSheetId="2">#REF!</definedName>
    <definedName name="_________MAT020205">#REF!</definedName>
    <definedName name="_________MAT020211" localSheetId="2">#REF!</definedName>
    <definedName name="_________MAT020211">#REF!</definedName>
    <definedName name="_________MAT030102" localSheetId="2">#REF!</definedName>
    <definedName name="_________MAT030102">#REF!</definedName>
    <definedName name="_________MAT030201" localSheetId="2">#REF!</definedName>
    <definedName name="_________MAT030201">#REF!</definedName>
    <definedName name="_________MAT030303" localSheetId="2">#REF!</definedName>
    <definedName name="_________MAT030303">#REF!</definedName>
    <definedName name="_________MAT030317" localSheetId="2">#REF!</definedName>
    <definedName name="_________MAT030317">#REF!</definedName>
    <definedName name="_________MAT040101" localSheetId="2">#REF!</definedName>
    <definedName name="_________MAT040101">#REF!</definedName>
    <definedName name="_________MAT040202" localSheetId="2">#REF!</definedName>
    <definedName name="_________MAT040202">#REF!</definedName>
    <definedName name="_________MAT050103" localSheetId="2">#REF!</definedName>
    <definedName name="_________MAT050103">#REF!</definedName>
    <definedName name="_________MAT050207" localSheetId="2">#REF!</definedName>
    <definedName name="_________MAT050207">#REF!</definedName>
    <definedName name="_________MAT060101" localSheetId="2">#REF!</definedName>
    <definedName name="_________MAT060101">#REF!</definedName>
    <definedName name="_________MAT080101" localSheetId="2">#REF!</definedName>
    <definedName name="_________MAT080101">#REF!</definedName>
    <definedName name="_________MAT080310" localSheetId="2">#REF!</definedName>
    <definedName name="_________MAT080310">#REF!</definedName>
    <definedName name="_________MAT090101" localSheetId="2">#REF!</definedName>
    <definedName name="_________MAT090101">#REF!</definedName>
    <definedName name="_________MAT100302" localSheetId="2">#REF!</definedName>
    <definedName name="_________MAT100302">#REF!</definedName>
    <definedName name="_________MAT110101" localSheetId="2">#REF!</definedName>
    <definedName name="_________MAT110101">#REF!</definedName>
    <definedName name="_________MAT110104" localSheetId="2">#REF!</definedName>
    <definedName name="_________MAT110104">#REF!</definedName>
    <definedName name="_________MAT110107" localSheetId="2">#REF!</definedName>
    <definedName name="_________MAT110107">#REF!</definedName>
    <definedName name="_________MAT120101" localSheetId="2">#REF!</definedName>
    <definedName name="_________MAT120101">#REF!</definedName>
    <definedName name="_________MAT120105" localSheetId="2">#REF!</definedName>
    <definedName name="_________MAT120105">#REF!</definedName>
    <definedName name="_________MAT120106" localSheetId="2">#REF!</definedName>
    <definedName name="_________MAT120106">#REF!</definedName>
    <definedName name="_________MAT120107" localSheetId="2">#REF!</definedName>
    <definedName name="_________MAT120107">#REF!</definedName>
    <definedName name="_________MAT120110" localSheetId="2">#REF!</definedName>
    <definedName name="_________MAT120110">#REF!</definedName>
    <definedName name="_________MAT120150" localSheetId="2">#REF!</definedName>
    <definedName name="_________MAT120150">#REF!</definedName>
    <definedName name="_________MAT130101" localSheetId="2">#REF!</definedName>
    <definedName name="_________MAT130101">#REF!</definedName>
    <definedName name="_________MAT130103" localSheetId="2">#REF!</definedName>
    <definedName name="_________MAT130103">#REF!</definedName>
    <definedName name="_________MAT130304" localSheetId="2">#REF!</definedName>
    <definedName name="_________MAT130304">#REF!</definedName>
    <definedName name="_________MAT130401" localSheetId="2">#REF!</definedName>
    <definedName name="_________MAT130401">#REF!</definedName>
    <definedName name="_________MAT140102" localSheetId="2">#REF!</definedName>
    <definedName name="_________MAT140102">#REF!</definedName>
    <definedName name="_________MAT140109" localSheetId="2">#REF!</definedName>
    <definedName name="_________MAT140109">#REF!</definedName>
    <definedName name="_________MAT140113" localSheetId="2">#REF!</definedName>
    <definedName name="_________MAT140113">#REF!</definedName>
    <definedName name="_________MAT140122" localSheetId="2">#REF!</definedName>
    <definedName name="_________MAT140122">#REF!</definedName>
    <definedName name="_________MAT140126" localSheetId="2">#REF!</definedName>
    <definedName name="_________MAT140126">#REF!</definedName>
    <definedName name="_________MAT140129" localSheetId="2">#REF!</definedName>
    <definedName name="_________MAT140129">#REF!</definedName>
    <definedName name="_________MAT140135" localSheetId="2">#REF!</definedName>
    <definedName name="_________MAT140135">#REF!</definedName>
    <definedName name="_________MAT140143" localSheetId="2">#REF!</definedName>
    <definedName name="_________MAT140143">#REF!</definedName>
    <definedName name="_________MAT140145" localSheetId="2">#REF!</definedName>
    <definedName name="_________MAT140145">#REF!</definedName>
    <definedName name="_________MAT150130" localSheetId="2">#REF!</definedName>
    <definedName name="_________MAT150130">#REF!</definedName>
    <definedName name="_________MAT170101" localSheetId="2">#REF!</definedName>
    <definedName name="_________MAT170101">#REF!</definedName>
    <definedName name="_________MAT170102" localSheetId="2">#REF!</definedName>
    <definedName name="_________MAT170102">#REF!</definedName>
    <definedName name="_________MAT170103" localSheetId="2">#REF!</definedName>
    <definedName name="_________MAT170103">#REF!</definedName>
    <definedName name="_________PRE010201" localSheetId="2">#REF!</definedName>
    <definedName name="_________PRE010201">#REF!</definedName>
    <definedName name="_________PRE010202" localSheetId="2">#REF!</definedName>
    <definedName name="_________PRE010202">#REF!</definedName>
    <definedName name="_________PRE010205" localSheetId="2">#REF!</definedName>
    <definedName name="_________PRE010205">#REF!</definedName>
    <definedName name="_________PRE010206" localSheetId="2">#REF!</definedName>
    <definedName name="_________PRE010206">#REF!</definedName>
    <definedName name="_________PRE010210" localSheetId="2">#REF!</definedName>
    <definedName name="_________PRE010210">#REF!</definedName>
    <definedName name="_________PRE010301" localSheetId="2">#REF!</definedName>
    <definedName name="_________PRE010301">#REF!</definedName>
    <definedName name="_________PRE010401" localSheetId="2">#REF!</definedName>
    <definedName name="_________PRE010401">#REF!</definedName>
    <definedName name="_________PRE010402" localSheetId="2">#REF!</definedName>
    <definedName name="_________PRE010402">#REF!</definedName>
    <definedName name="_________PRE010407" localSheetId="2">#REF!</definedName>
    <definedName name="_________PRE010407">#REF!</definedName>
    <definedName name="_________PRE010413" localSheetId="2">#REF!</definedName>
    <definedName name="_________PRE010413">#REF!</definedName>
    <definedName name="_________PRE010501" localSheetId="2">#REF!</definedName>
    <definedName name="_________PRE010501">#REF!</definedName>
    <definedName name="_________PRE010503" localSheetId="2">#REF!</definedName>
    <definedName name="_________PRE010503">#REF!</definedName>
    <definedName name="_________PRE010505" localSheetId="2">#REF!</definedName>
    <definedName name="_________PRE010505">#REF!</definedName>
    <definedName name="_________PRE010509" localSheetId="2">#REF!</definedName>
    <definedName name="_________PRE010509">#REF!</definedName>
    <definedName name="_________PRE010512" localSheetId="2">#REF!</definedName>
    <definedName name="_________PRE010512">#REF!</definedName>
    <definedName name="_________PRE010518" localSheetId="2">#REF!</definedName>
    <definedName name="_________PRE010518">#REF!</definedName>
    <definedName name="_________PRE010519" localSheetId="2">#REF!</definedName>
    <definedName name="_________PRE010519">#REF!</definedName>
    <definedName name="_________PRE010521" localSheetId="2">#REF!</definedName>
    <definedName name="_________PRE010521">#REF!</definedName>
    <definedName name="_________PRE010523" localSheetId="2">#REF!</definedName>
    <definedName name="_________PRE010523">#REF!</definedName>
    <definedName name="_________PRE010532" localSheetId="2">#REF!</definedName>
    <definedName name="_________PRE010532">#REF!</definedName>
    <definedName name="_________PRE010533" localSheetId="2">#REF!</definedName>
    <definedName name="_________PRE010533">#REF!</definedName>
    <definedName name="_________PRE010536" localSheetId="2">#REF!</definedName>
    <definedName name="_________PRE010536">#REF!</definedName>
    <definedName name="_________PRE010701" localSheetId="2">#REF!</definedName>
    <definedName name="_________PRE010701">#REF!</definedName>
    <definedName name="_________PRE010703" localSheetId="2">#REF!</definedName>
    <definedName name="_________PRE010703">#REF!</definedName>
    <definedName name="_________PRE010705" localSheetId="2">#REF!</definedName>
    <definedName name="_________PRE010705">#REF!</definedName>
    <definedName name="_________PRE010708" localSheetId="2">#REF!</definedName>
    <definedName name="_________PRE010708">#REF!</definedName>
    <definedName name="_________PRE010710" localSheetId="2">#REF!</definedName>
    <definedName name="_________PRE010710">#REF!</definedName>
    <definedName name="_________PRE010712" localSheetId="2">#REF!</definedName>
    <definedName name="_________PRE010712">#REF!</definedName>
    <definedName name="_________PRE010717" localSheetId="2">#REF!</definedName>
    <definedName name="_________PRE010717">#REF!</definedName>
    <definedName name="_________PRE010718" localSheetId="2">#REF!</definedName>
    <definedName name="_________PRE010718">#REF!</definedName>
    <definedName name="_________PRE020201" localSheetId="2">#REF!</definedName>
    <definedName name="_________PRE020201">#REF!</definedName>
    <definedName name="_________PRE020205" localSheetId="2">#REF!</definedName>
    <definedName name="_________PRE020205">#REF!</definedName>
    <definedName name="_________PRE020211" localSheetId="2">#REF!</definedName>
    <definedName name="_________PRE020211">#REF!</definedName>
    <definedName name="_________PRE020217" localSheetId="2">#REF!</definedName>
    <definedName name="_________PRE020217">#REF!</definedName>
    <definedName name="_________PRE030102" localSheetId="2">#REF!</definedName>
    <definedName name="_________PRE030102">#REF!</definedName>
    <definedName name="_________PRE030201" localSheetId="2">#REF!</definedName>
    <definedName name="_________PRE030201">#REF!</definedName>
    <definedName name="_________PRE030303" localSheetId="2">#REF!</definedName>
    <definedName name="_________PRE030303">#REF!</definedName>
    <definedName name="_________PRE030317" localSheetId="2">#REF!</definedName>
    <definedName name="_________PRE030317">#REF!</definedName>
    <definedName name="_________PRE040101" localSheetId="2">#REF!</definedName>
    <definedName name="_________PRE040101">#REF!</definedName>
    <definedName name="_________PRE040202" localSheetId="2">#REF!</definedName>
    <definedName name="_________PRE040202">#REF!</definedName>
    <definedName name="_________PRE050103" localSheetId="2">#REF!</definedName>
    <definedName name="_________PRE050103">#REF!</definedName>
    <definedName name="_________PRE050207" localSheetId="2">#REF!</definedName>
    <definedName name="_________PRE050207">#REF!</definedName>
    <definedName name="_________PRE060101" localSheetId="2">#REF!</definedName>
    <definedName name="_________PRE060101">#REF!</definedName>
    <definedName name="_________PRE080101" localSheetId="2">#REF!</definedName>
    <definedName name="_________PRE080101">#REF!</definedName>
    <definedName name="_________PRE080310" localSheetId="2">#REF!</definedName>
    <definedName name="_________PRE080310">#REF!</definedName>
    <definedName name="_________PRE090101" localSheetId="2">#REF!</definedName>
    <definedName name="_________PRE090101">#REF!</definedName>
    <definedName name="_________PRE100302" localSheetId="2">#REF!</definedName>
    <definedName name="_________PRE100302">#REF!</definedName>
    <definedName name="_________PRE110101" localSheetId="2">#REF!</definedName>
    <definedName name="_________PRE110101">#REF!</definedName>
    <definedName name="_________PRE110104" localSheetId="2">#REF!</definedName>
    <definedName name="_________PRE110104">#REF!</definedName>
    <definedName name="_________PRE110107" localSheetId="2">#REF!</definedName>
    <definedName name="_________PRE110107">#REF!</definedName>
    <definedName name="_________PRE120101" localSheetId="2">#REF!</definedName>
    <definedName name="_________PRE120101">#REF!</definedName>
    <definedName name="_________PRE120105" localSheetId="2">#REF!</definedName>
    <definedName name="_________PRE120105">#REF!</definedName>
    <definedName name="_________PRE120106" localSheetId="2">#REF!</definedName>
    <definedName name="_________PRE120106">#REF!</definedName>
    <definedName name="_________PRE120107" localSheetId="2">#REF!</definedName>
    <definedName name="_________PRE120107">#REF!</definedName>
    <definedName name="_________PRE120110" localSheetId="2">#REF!</definedName>
    <definedName name="_________PRE120110">#REF!</definedName>
    <definedName name="_________PRE120150" localSheetId="2">#REF!</definedName>
    <definedName name="_________PRE120150">#REF!</definedName>
    <definedName name="_________PRE130101" localSheetId="2">#REF!</definedName>
    <definedName name="_________PRE130101">#REF!</definedName>
    <definedName name="_________PRE130103" localSheetId="2">#REF!</definedName>
    <definedName name="_________PRE130103">#REF!</definedName>
    <definedName name="_________PRE130304" localSheetId="2">#REF!</definedName>
    <definedName name="_________PRE130304">#REF!</definedName>
    <definedName name="_________PRE130401" localSheetId="2">#REF!</definedName>
    <definedName name="_________PRE130401">#REF!</definedName>
    <definedName name="_________PRE140102" localSheetId="2">#REF!</definedName>
    <definedName name="_________PRE140102">#REF!</definedName>
    <definedName name="_________PRE140109" localSheetId="2">#REF!</definedName>
    <definedName name="_________PRE140109">#REF!</definedName>
    <definedName name="_________PRE140113" localSheetId="2">#REF!</definedName>
    <definedName name="_________PRE140113">#REF!</definedName>
    <definedName name="_________PRE140122" localSheetId="2">#REF!</definedName>
    <definedName name="_________PRE140122">#REF!</definedName>
    <definedName name="_________PRE140126" localSheetId="2">#REF!</definedName>
    <definedName name="_________PRE140126">#REF!</definedName>
    <definedName name="_________PRE140129" localSheetId="2">#REF!</definedName>
    <definedName name="_________PRE140129">#REF!</definedName>
    <definedName name="_________PRE140135" localSheetId="2">#REF!</definedName>
    <definedName name="_________PRE140135">#REF!</definedName>
    <definedName name="_________PRE140143" localSheetId="2">#REF!</definedName>
    <definedName name="_________PRE140143">#REF!</definedName>
    <definedName name="_________PRE140145" localSheetId="2">#REF!</definedName>
    <definedName name="_________PRE140145">#REF!</definedName>
    <definedName name="_________PRE150130" localSheetId="2">#REF!</definedName>
    <definedName name="_________PRE150130">#REF!</definedName>
    <definedName name="_________PRE170101" localSheetId="2">#REF!</definedName>
    <definedName name="_________PRE170101">#REF!</definedName>
    <definedName name="_________PRE170102" localSheetId="2">#REF!</definedName>
    <definedName name="_________PRE170102">#REF!</definedName>
    <definedName name="_________PRE170103" localSheetId="2">#REF!</definedName>
    <definedName name="_________PRE170103">#REF!</definedName>
    <definedName name="_________QUA010201" localSheetId="2">#REF!</definedName>
    <definedName name="_________QUA010201">#REF!</definedName>
    <definedName name="_________QUA010202" localSheetId="2">#REF!</definedName>
    <definedName name="_________QUA010202">#REF!</definedName>
    <definedName name="_________QUA010205" localSheetId="2">#REF!</definedName>
    <definedName name="_________QUA010205">#REF!</definedName>
    <definedName name="_________QUA010206" localSheetId="2">#REF!</definedName>
    <definedName name="_________QUA010206">#REF!</definedName>
    <definedName name="_________QUA010210" localSheetId="2">#REF!</definedName>
    <definedName name="_________QUA010210">#REF!</definedName>
    <definedName name="_________QUA010301" localSheetId="2">#REF!</definedName>
    <definedName name="_________QUA010301">#REF!</definedName>
    <definedName name="_________QUA010401" localSheetId="2">#REF!</definedName>
    <definedName name="_________QUA010401">#REF!</definedName>
    <definedName name="_________QUA010402" localSheetId="2">#REF!</definedName>
    <definedName name="_________QUA010402">#REF!</definedName>
    <definedName name="_________QUA010407" localSheetId="2">#REF!</definedName>
    <definedName name="_________QUA010407">#REF!</definedName>
    <definedName name="_________QUA010413" localSheetId="2">#REF!</definedName>
    <definedName name="_________QUA010413">#REF!</definedName>
    <definedName name="_________QUA010501" localSheetId="2">#REF!</definedName>
    <definedName name="_________QUA010501">#REF!</definedName>
    <definedName name="_________QUA010503" localSheetId="2">#REF!</definedName>
    <definedName name="_________QUA010503">#REF!</definedName>
    <definedName name="_________QUA010505" localSheetId="2">#REF!</definedName>
    <definedName name="_________QUA010505">#REF!</definedName>
    <definedName name="_________QUA010509" localSheetId="2">#REF!</definedName>
    <definedName name="_________QUA010509">#REF!</definedName>
    <definedName name="_________QUA010512" localSheetId="2">#REF!</definedName>
    <definedName name="_________QUA010512">#REF!</definedName>
    <definedName name="_________QUA010518" localSheetId="2">#REF!</definedName>
    <definedName name="_________QUA010518">#REF!</definedName>
    <definedName name="_________QUA010519" localSheetId="2">#REF!</definedName>
    <definedName name="_________QUA010519">#REF!</definedName>
    <definedName name="_________QUA010521" localSheetId="2">#REF!</definedName>
    <definedName name="_________QUA010521">#REF!</definedName>
    <definedName name="_________QUA010523" localSheetId="2">#REF!</definedName>
    <definedName name="_________QUA010523">#REF!</definedName>
    <definedName name="_________QUA010532" localSheetId="2">#REF!</definedName>
    <definedName name="_________QUA010532">#REF!</definedName>
    <definedName name="_________QUA010533" localSheetId="2">#REF!</definedName>
    <definedName name="_________QUA010533">#REF!</definedName>
    <definedName name="_________QUA010536" localSheetId="2">#REF!</definedName>
    <definedName name="_________QUA010536">#REF!</definedName>
    <definedName name="_________QUA010701" localSheetId="2">#REF!</definedName>
    <definedName name="_________QUA010701">#REF!</definedName>
    <definedName name="_________QUA010703" localSheetId="2">#REF!</definedName>
    <definedName name="_________QUA010703">#REF!</definedName>
    <definedName name="_________QUA010705" localSheetId="2">#REF!</definedName>
    <definedName name="_________QUA010705">#REF!</definedName>
    <definedName name="_________QUA010708" localSheetId="2">#REF!</definedName>
    <definedName name="_________QUA010708">#REF!</definedName>
    <definedName name="_________QUA010710" localSheetId="2">#REF!</definedName>
    <definedName name="_________QUA010710">#REF!</definedName>
    <definedName name="_________QUA010712" localSheetId="2">#REF!</definedName>
    <definedName name="_________QUA010712">#REF!</definedName>
    <definedName name="_________QUA010717" localSheetId="2">#REF!</definedName>
    <definedName name="_________QUA010717">#REF!</definedName>
    <definedName name="_________QUA010718" localSheetId="2">#REF!</definedName>
    <definedName name="_________QUA010718">#REF!</definedName>
    <definedName name="_________QUA020201" localSheetId="2">#REF!</definedName>
    <definedName name="_________QUA020201">#REF!</definedName>
    <definedName name="_________QUA020205" localSheetId="2">#REF!</definedName>
    <definedName name="_________QUA020205">#REF!</definedName>
    <definedName name="_________QUA020211" localSheetId="2">#REF!</definedName>
    <definedName name="_________QUA020211">#REF!</definedName>
    <definedName name="_________QUA020217" localSheetId="2">#REF!</definedName>
    <definedName name="_________QUA020217">#REF!</definedName>
    <definedName name="_________QUA030102" localSheetId="2">#REF!</definedName>
    <definedName name="_________QUA030102">#REF!</definedName>
    <definedName name="_________QUA030201" localSheetId="2">#REF!</definedName>
    <definedName name="_________QUA030201">#REF!</definedName>
    <definedName name="_________QUA030303" localSheetId="2">#REF!</definedName>
    <definedName name="_________QUA030303">#REF!</definedName>
    <definedName name="_________QUA030317" localSheetId="2">#REF!</definedName>
    <definedName name="_________QUA030317">#REF!</definedName>
    <definedName name="_________QUA040101" localSheetId="2">#REF!</definedName>
    <definedName name="_________QUA040101">#REF!</definedName>
    <definedName name="_________QUA040202" localSheetId="2">#REF!</definedName>
    <definedName name="_________QUA040202">#REF!</definedName>
    <definedName name="_________QUA050103" localSheetId="2">#REF!</definedName>
    <definedName name="_________QUA050103">#REF!</definedName>
    <definedName name="_________QUA050207" localSheetId="2">#REF!</definedName>
    <definedName name="_________QUA050207">#REF!</definedName>
    <definedName name="_________QUA060101" localSheetId="2">#REF!</definedName>
    <definedName name="_________QUA060101">#REF!</definedName>
    <definedName name="_________QUA080101" localSheetId="2">#REF!</definedName>
    <definedName name="_________QUA080101">#REF!</definedName>
    <definedName name="_________QUA080310" localSheetId="2">#REF!</definedName>
    <definedName name="_________QUA080310">#REF!</definedName>
    <definedName name="_________QUA090101" localSheetId="2">#REF!</definedName>
    <definedName name="_________QUA090101">#REF!</definedName>
    <definedName name="_________QUA100302" localSheetId="2">#REF!</definedName>
    <definedName name="_________QUA100302">#REF!</definedName>
    <definedName name="_________QUA110101" localSheetId="2">#REF!</definedName>
    <definedName name="_________QUA110101">#REF!</definedName>
    <definedName name="_________QUA110104" localSheetId="2">#REF!</definedName>
    <definedName name="_________QUA110104">#REF!</definedName>
    <definedName name="_________QUA110107" localSheetId="2">#REF!</definedName>
    <definedName name="_________QUA110107">#REF!</definedName>
    <definedName name="_________QUA120101" localSheetId="2">#REF!</definedName>
    <definedName name="_________QUA120101">#REF!</definedName>
    <definedName name="_________QUA120105" localSheetId="2">#REF!</definedName>
    <definedName name="_________QUA120105">#REF!</definedName>
    <definedName name="_________QUA120106" localSheetId="2">#REF!</definedName>
    <definedName name="_________QUA120106">#REF!</definedName>
    <definedName name="_________QUA120107" localSheetId="2">#REF!</definedName>
    <definedName name="_________QUA120107">#REF!</definedName>
    <definedName name="_________QUA120110" localSheetId="2">#REF!</definedName>
    <definedName name="_________QUA120110">#REF!</definedName>
    <definedName name="_________QUA120150" localSheetId="2">#REF!</definedName>
    <definedName name="_________QUA120150">#REF!</definedName>
    <definedName name="_________QUA130101" localSheetId="2">#REF!</definedName>
    <definedName name="_________QUA130101">#REF!</definedName>
    <definedName name="_________QUA130103" localSheetId="2">#REF!</definedName>
    <definedName name="_________QUA130103">#REF!</definedName>
    <definedName name="_________QUA130304" localSheetId="2">#REF!</definedName>
    <definedName name="_________QUA130304">#REF!</definedName>
    <definedName name="_________QUA130401" localSheetId="2">#REF!</definedName>
    <definedName name="_________QUA130401">#REF!</definedName>
    <definedName name="_________QUA140102" localSheetId="2">#REF!</definedName>
    <definedName name="_________QUA140102">#REF!</definedName>
    <definedName name="_________QUA140109" localSheetId="2">#REF!</definedName>
    <definedName name="_________QUA140109">#REF!</definedName>
    <definedName name="_________QUA140113" localSheetId="2">#REF!</definedName>
    <definedName name="_________QUA140113">#REF!</definedName>
    <definedName name="_________QUA140122" localSheetId="2">#REF!</definedName>
    <definedName name="_________QUA140122">#REF!</definedName>
    <definedName name="_________QUA140126" localSheetId="2">#REF!</definedName>
    <definedName name="_________QUA140126">#REF!</definedName>
    <definedName name="_________QUA140129" localSheetId="2">#REF!</definedName>
    <definedName name="_________QUA140129">#REF!</definedName>
    <definedName name="_________QUA140135" localSheetId="2">#REF!</definedName>
    <definedName name="_________QUA140135">#REF!</definedName>
    <definedName name="_________QUA140143" localSheetId="2">#REF!</definedName>
    <definedName name="_________QUA140143">#REF!</definedName>
    <definedName name="_________QUA140145" localSheetId="2">#REF!</definedName>
    <definedName name="_________QUA140145">#REF!</definedName>
    <definedName name="_________QUA150130" localSheetId="2">#REF!</definedName>
    <definedName name="_________QUA150130">#REF!</definedName>
    <definedName name="_________QUA170101" localSheetId="2">#REF!</definedName>
    <definedName name="_________QUA170101">#REF!</definedName>
    <definedName name="_________QUA170102" localSheetId="2">#REF!</definedName>
    <definedName name="_________QUA170102">#REF!</definedName>
    <definedName name="_________QUA170103" localSheetId="2">#REF!</definedName>
    <definedName name="_________QUA170103">#REF!</definedName>
    <definedName name="_________R" localSheetId="2">#REF!</definedName>
    <definedName name="_________R">#REF!</definedName>
    <definedName name="_________REC11100" localSheetId="2">#REF!</definedName>
    <definedName name="_________REC11100">#REF!</definedName>
    <definedName name="_________REC11110" localSheetId="2">#REF!</definedName>
    <definedName name="_________REC11110">#REF!</definedName>
    <definedName name="_________REC11115" localSheetId="2">#REF!</definedName>
    <definedName name="_________REC11115">#REF!</definedName>
    <definedName name="_________REC11125" localSheetId="2">#REF!</definedName>
    <definedName name="_________REC11125">#REF!</definedName>
    <definedName name="_________REC11130" localSheetId="2">#REF!</definedName>
    <definedName name="_________REC11130">#REF!</definedName>
    <definedName name="_________REC11135" localSheetId="2">#REF!</definedName>
    <definedName name="_________REC11135">#REF!</definedName>
    <definedName name="_________REC11145" localSheetId="2">#REF!</definedName>
    <definedName name="_________REC11145">#REF!</definedName>
    <definedName name="_________REC11150" localSheetId="2">#REF!</definedName>
    <definedName name="_________REC11150">#REF!</definedName>
    <definedName name="_________REC11165" localSheetId="2">#REF!</definedName>
    <definedName name="_________REC11165">#REF!</definedName>
    <definedName name="_________REC11170" localSheetId="2">#REF!</definedName>
    <definedName name="_________REC11170">#REF!</definedName>
    <definedName name="_________REC11180" localSheetId="2">#REF!</definedName>
    <definedName name="_________REC11180">#REF!</definedName>
    <definedName name="_________REC11185" localSheetId="2">#REF!</definedName>
    <definedName name="_________REC11185">#REF!</definedName>
    <definedName name="_________REC11220" localSheetId="2">#REF!</definedName>
    <definedName name="_________REC11220">#REF!</definedName>
    <definedName name="_________REC12105" localSheetId="2">#REF!</definedName>
    <definedName name="_________REC12105">#REF!</definedName>
    <definedName name="_________REC12555" localSheetId="2">#REF!</definedName>
    <definedName name="_________REC12555">#REF!</definedName>
    <definedName name="_________REC12570" localSheetId="2">#REF!</definedName>
    <definedName name="_________REC12570">#REF!</definedName>
    <definedName name="_________REC12575" localSheetId="2">#REF!</definedName>
    <definedName name="_________REC12575">#REF!</definedName>
    <definedName name="_________REC12580" localSheetId="2">#REF!</definedName>
    <definedName name="_________REC12580">#REF!</definedName>
    <definedName name="_________REC12600" localSheetId="2">#REF!</definedName>
    <definedName name="_________REC12600">#REF!</definedName>
    <definedName name="_________REC12610" localSheetId="2">#REF!</definedName>
    <definedName name="_________REC12610">#REF!</definedName>
    <definedName name="_________REC12630" localSheetId="2">#REF!</definedName>
    <definedName name="_________REC12630">#REF!</definedName>
    <definedName name="_________REC12631" localSheetId="2">#REF!</definedName>
    <definedName name="_________REC12631">#REF!</definedName>
    <definedName name="_________REC12640" localSheetId="2">#REF!</definedName>
    <definedName name="_________REC12640">#REF!</definedName>
    <definedName name="_________REC12645" localSheetId="2">#REF!</definedName>
    <definedName name="_________REC12645">#REF!</definedName>
    <definedName name="_________REC12665" localSheetId="2">#REF!</definedName>
    <definedName name="_________REC12665">#REF!</definedName>
    <definedName name="_________REC12690" localSheetId="2">#REF!</definedName>
    <definedName name="_________REC12690">#REF!</definedName>
    <definedName name="_________REC12700" localSheetId="2">#REF!</definedName>
    <definedName name="_________REC12700">#REF!</definedName>
    <definedName name="_________REC12710" localSheetId="2">#REF!</definedName>
    <definedName name="_________REC12710">#REF!</definedName>
    <definedName name="_________REC13111" localSheetId="2">#REF!</definedName>
    <definedName name="_________REC13111">#REF!</definedName>
    <definedName name="_________REC13112" localSheetId="2">#REF!</definedName>
    <definedName name="_________REC13112">#REF!</definedName>
    <definedName name="_________REC13121" localSheetId="2">#REF!</definedName>
    <definedName name="_________REC13121">#REF!</definedName>
    <definedName name="_________REC13720" localSheetId="2">#REF!</definedName>
    <definedName name="_________REC13720">#REF!</definedName>
    <definedName name="_________REC14100" localSheetId="2">#REF!</definedName>
    <definedName name="_________REC14100">#REF!</definedName>
    <definedName name="_________REC14161" localSheetId="2">#REF!</definedName>
    <definedName name="_________REC14161">#REF!</definedName>
    <definedName name="_________REC14195" localSheetId="2">#REF!</definedName>
    <definedName name="_________REC14195">#REF!</definedName>
    <definedName name="_________REC14205" localSheetId="2">#REF!</definedName>
    <definedName name="_________REC14205">#REF!</definedName>
    <definedName name="_________REC14260" localSheetId="2">#REF!</definedName>
    <definedName name="_________REC14260">#REF!</definedName>
    <definedName name="_________REC14500" localSheetId="2">#REF!</definedName>
    <definedName name="_________REC14500">#REF!</definedName>
    <definedName name="_________REC14515" localSheetId="2">#REF!</definedName>
    <definedName name="_________REC14515">#REF!</definedName>
    <definedName name="_________REC14555" localSheetId="2">#REF!</definedName>
    <definedName name="_________REC14555">#REF!</definedName>
    <definedName name="_________REC14565" localSheetId="2">#REF!</definedName>
    <definedName name="_________REC14565">#REF!</definedName>
    <definedName name="_________REC15135" localSheetId="2">#REF!</definedName>
    <definedName name="_________REC15135">#REF!</definedName>
    <definedName name="_________REC15140" localSheetId="2">#REF!</definedName>
    <definedName name="_________REC15140">#REF!</definedName>
    <definedName name="_________REC15195" localSheetId="2">#REF!</definedName>
    <definedName name="_________REC15195">#REF!</definedName>
    <definedName name="_________REC15225" localSheetId="2">#REF!</definedName>
    <definedName name="_________REC15225">#REF!</definedName>
    <definedName name="_________REC15230" localSheetId="2">#REF!</definedName>
    <definedName name="_________REC15230">#REF!</definedName>
    <definedName name="_________REC15515" localSheetId="2">#REF!</definedName>
    <definedName name="_________REC15515">#REF!</definedName>
    <definedName name="_________REC15560" localSheetId="2">#REF!</definedName>
    <definedName name="_________REC15560">#REF!</definedName>
    <definedName name="_________REC15565" localSheetId="2">#REF!</definedName>
    <definedName name="_________REC15565">#REF!</definedName>
    <definedName name="_________REC15570" localSheetId="2">#REF!</definedName>
    <definedName name="_________REC15570">#REF!</definedName>
    <definedName name="_________REC15575" localSheetId="2">#REF!</definedName>
    <definedName name="_________REC15575">#REF!</definedName>
    <definedName name="_________REC15583" localSheetId="2">#REF!</definedName>
    <definedName name="_________REC15583">#REF!</definedName>
    <definedName name="_________REC15590" localSheetId="2">#REF!</definedName>
    <definedName name="_________REC15590">#REF!</definedName>
    <definedName name="_________REC15591" localSheetId="2">#REF!</definedName>
    <definedName name="_________REC15591">#REF!</definedName>
    <definedName name="_________REC15610" localSheetId="2">#REF!</definedName>
    <definedName name="_________REC15610">#REF!</definedName>
    <definedName name="_________REC15625" localSheetId="2">#REF!</definedName>
    <definedName name="_________REC15625">#REF!</definedName>
    <definedName name="_________REC15635" localSheetId="2">#REF!</definedName>
    <definedName name="_________REC15635">#REF!</definedName>
    <definedName name="_________REC15655" localSheetId="2">#REF!</definedName>
    <definedName name="_________REC15655">#REF!</definedName>
    <definedName name="_________REC15665" localSheetId="2">#REF!</definedName>
    <definedName name="_________REC15665">#REF!</definedName>
    <definedName name="_________REC16515" localSheetId="2">#REF!</definedName>
    <definedName name="_________REC16515">#REF!</definedName>
    <definedName name="_________REC16535" localSheetId="2">#REF!</definedName>
    <definedName name="_________REC16535">#REF!</definedName>
    <definedName name="_________REC17140" localSheetId="2">#REF!</definedName>
    <definedName name="_________REC17140">#REF!</definedName>
    <definedName name="_________REC19500" localSheetId="2">#REF!</definedName>
    <definedName name="_________REC19500">#REF!</definedName>
    <definedName name="_________REC19501" localSheetId="2">#REF!</definedName>
    <definedName name="_________REC19501">#REF!</definedName>
    <definedName name="_________REC19502" localSheetId="2">#REF!</definedName>
    <definedName name="_________REC19502">#REF!</definedName>
    <definedName name="_________REC19503" localSheetId="2">#REF!</definedName>
    <definedName name="_________REC19503">#REF!</definedName>
    <definedName name="_________REC19504" localSheetId="2">#REF!</definedName>
    <definedName name="_________REC19504">#REF!</definedName>
    <definedName name="_________REC19505" localSheetId="2">#REF!</definedName>
    <definedName name="_________REC19505">#REF!</definedName>
    <definedName name="_________REC20100" localSheetId="2">#REF!</definedName>
    <definedName name="_________REC20100">#REF!</definedName>
    <definedName name="_________REC20105" localSheetId="2">#REF!</definedName>
    <definedName name="_________REC20105">#REF!</definedName>
    <definedName name="_________REC20110" localSheetId="2">#REF!</definedName>
    <definedName name="_________REC20110">#REF!</definedName>
    <definedName name="_________REC20115" localSheetId="2">#REF!</definedName>
    <definedName name="_________REC20115">#REF!</definedName>
    <definedName name="_________REC20130" localSheetId="2">#REF!</definedName>
    <definedName name="_________REC20130">#REF!</definedName>
    <definedName name="_________REC20135" localSheetId="2">#REF!</definedName>
    <definedName name="_________REC20135">#REF!</definedName>
    <definedName name="_________REC20140" localSheetId="2">#REF!</definedName>
    <definedName name="_________REC20140">#REF!</definedName>
    <definedName name="_________REC20145" localSheetId="2">#REF!</definedName>
    <definedName name="_________REC20145">#REF!</definedName>
    <definedName name="_________REC20150" localSheetId="2">#REF!</definedName>
    <definedName name="_________REC20150">#REF!</definedName>
    <definedName name="_________REC20155" localSheetId="2">#REF!</definedName>
    <definedName name="_________REC20155">#REF!</definedName>
    <definedName name="_________REC20175" localSheetId="2">#REF!</definedName>
    <definedName name="_________REC20175">#REF!</definedName>
    <definedName name="_________REC20185" localSheetId="2">#REF!</definedName>
    <definedName name="_________REC20185">#REF!</definedName>
    <definedName name="_________REC20190" localSheetId="2">#REF!</definedName>
    <definedName name="_________REC20190">#REF!</definedName>
    <definedName name="_________REC20195" localSheetId="2">#REF!</definedName>
    <definedName name="_________REC20195">#REF!</definedName>
    <definedName name="_________REC20210" localSheetId="2">#REF!</definedName>
    <definedName name="_________REC20210">#REF!</definedName>
    <definedName name="_________RET1">[1]Regula!$J$36</definedName>
    <definedName name="_________svi2" localSheetId="2">#REF!</definedName>
    <definedName name="_________svi2">#REF!</definedName>
    <definedName name="_________TT102" localSheetId="2">'[2]Relatório-1ª med.'!#REF!</definedName>
    <definedName name="_________TT102">'[2]Relatório-1ª med.'!#REF!</definedName>
    <definedName name="_________TT107" localSheetId="2">'[2]Relatório-1ª med.'!#REF!</definedName>
    <definedName name="_________TT107">'[2]Relatório-1ª med.'!#REF!</definedName>
    <definedName name="_________TT121" localSheetId="2">'[2]Relatório-1ª med.'!#REF!</definedName>
    <definedName name="_________TT121">'[2]Relatório-1ª med.'!#REF!</definedName>
    <definedName name="_________TT123" localSheetId="2">'[2]Relatório-1ª med.'!#REF!</definedName>
    <definedName name="_________TT123">'[2]Relatório-1ª med.'!#REF!</definedName>
    <definedName name="_________TT19" localSheetId="2">'[2]Relatório-1ª med.'!#REF!</definedName>
    <definedName name="_________TT19">'[2]Relatório-1ª med.'!#REF!</definedName>
    <definedName name="_________TT20" localSheetId="2">'[2]Relatório-1ª med.'!#REF!</definedName>
    <definedName name="_________TT20">'[2]Relatório-1ª med.'!#REF!</definedName>
    <definedName name="_________TT21" localSheetId="2">'[2]Relatório-1ª med.'!#REF!</definedName>
    <definedName name="_________TT21">'[2]Relatório-1ª med.'!#REF!</definedName>
    <definedName name="_________TT22" localSheetId="2">'[2]Relatório-1ª med.'!#REF!</definedName>
    <definedName name="_________TT22">'[2]Relatório-1ª med.'!#REF!</definedName>
    <definedName name="_________TT26" localSheetId="2">'[2]Relatório-1ª med.'!#REF!</definedName>
    <definedName name="_________TT26">'[2]Relatório-1ª med.'!#REF!</definedName>
    <definedName name="_________TT27" localSheetId="2">'[2]Relatório-1ª med.'!#REF!</definedName>
    <definedName name="_________TT27">'[2]Relatório-1ª med.'!#REF!</definedName>
    <definedName name="_________TT28" localSheetId="2">'[2]Relatório-1ª med.'!#REF!</definedName>
    <definedName name="_________TT28">'[2]Relatório-1ª med.'!#REF!</definedName>
    <definedName name="_________TT30" localSheetId="2">'[2]Relatório-1ª med.'!#REF!</definedName>
    <definedName name="_________TT30">'[2]Relatório-1ª med.'!#REF!</definedName>
    <definedName name="_________TT31" localSheetId="2">'[2]Relatório-1ª med.'!#REF!</definedName>
    <definedName name="_________TT31">'[2]Relatório-1ª med.'!#REF!</definedName>
    <definedName name="_________TT32" localSheetId="2">'[2]Relatório-1ª med.'!#REF!</definedName>
    <definedName name="_________TT32">'[2]Relatório-1ª med.'!#REF!</definedName>
    <definedName name="_________TT33" localSheetId="2">'[2]Relatório-1ª med.'!#REF!</definedName>
    <definedName name="_________TT33">'[2]Relatório-1ª med.'!#REF!</definedName>
    <definedName name="_________TT34" localSheetId="2">'[2]Relatório-1ª med.'!#REF!</definedName>
    <definedName name="_________TT34">'[2]Relatório-1ª med.'!#REF!</definedName>
    <definedName name="_________TT36" localSheetId="2">'[2]Relatório-1ª med.'!#REF!</definedName>
    <definedName name="_________TT36">'[2]Relatório-1ª med.'!#REF!</definedName>
    <definedName name="_________TT37" localSheetId="2">'[2]Relatório-1ª med.'!#REF!</definedName>
    <definedName name="_________TT37">'[2]Relatório-1ª med.'!#REF!</definedName>
    <definedName name="_________TT38" localSheetId="2">'[2]Relatório-1ª med.'!#REF!</definedName>
    <definedName name="_________TT38">'[2]Relatório-1ª med.'!#REF!</definedName>
    <definedName name="_________TT39" localSheetId="2">'[2]Relatório-1ª med.'!#REF!</definedName>
    <definedName name="_________TT39">'[2]Relatório-1ª med.'!#REF!</definedName>
    <definedName name="_________TT40" localSheetId="2">'[2]Relatório-1ª med.'!#REF!</definedName>
    <definedName name="_________TT40">'[2]Relatório-1ª med.'!#REF!</definedName>
    <definedName name="_________TT5" localSheetId="2">'[2]Relatório-1ª med.'!#REF!</definedName>
    <definedName name="_________TT5">'[2]Relatório-1ª med.'!#REF!</definedName>
    <definedName name="_________TT52" localSheetId="2">'[2]Relatório-1ª med.'!#REF!</definedName>
    <definedName name="_________TT52">'[2]Relatório-1ª med.'!#REF!</definedName>
    <definedName name="_________TT53" localSheetId="2">'[2]Relatório-1ª med.'!#REF!</definedName>
    <definedName name="_________TT53">'[2]Relatório-1ª med.'!#REF!</definedName>
    <definedName name="_________TT54" localSheetId="2">'[2]Relatório-1ª med.'!#REF!</definedName>
    <definedName name="_________TT54">'[2]Relatório-1ª med.'!#REF!</definedName>
    <definedName name="_________TT55" localSheetId="2">'[2]Relatório-1ª med.'!#REF!</definedName>
    <definedName name="_________TT55">'[2]Relatório-1ª med.'!#REF!</definedName>
    <definedName name="_________TT6" localSheetId="2">'[2]Relatório-1ª med.'!#REF!</definedName>
    <definedName name="_________TT6">'[2]Relatório-1ª med.'!#REF!</definedName>
    <definedName name="_________TT60" localSheetId="2">'[2]Relatório-1ª med.'!#REF!</definedName>
    <definedName name="_________TT60">'[2]Relatório-1ª med.'!#REF!</definedName>
    <definedName name="_________TT61" localSheetId="2">'[2]Relatório-1ª med.'!#REF!</definedName>
    <definedName name="_________TT61">'[2]Relatório-1ª med.'!#REF!</definedName>
    <definedName name="_________TT69" localSheetId="2">'[2]Relatório-1ª med.'!#REF!</definedName>
    <definedName name="_________TT69">'[2]Relatório-1ª med.'!#REF!</definedName>
    <definedName name="_________TT7" localSheetId="2">'[2]Relatório-1ª med.'!#REF!</definedName>
    <definedName name="_________TT7">'[2]Relatório-1ª med.'!#REF!</definedName>
    <definedName name="_________TT70" localSheetId="2">'[2]Relatório-1ª med.'!#REF!</definedName>
    <definedName name="_________TT70">'[2]Relatório-1ª med.'!#REF!</definedName>
    <definedName name="_________TT71" localSheetId="2">'[2]Relatório-1ª med.'!#REF!</definedName>
    <definedName name="_________TT71">'[2]Relatório-1ª med.'!#REF!</definedName>
    <definedName name="_________TT74" localSheetId="2">'[2]Relatório-1ª med.'!#REF!</definedName>
    <definedName name="_________TT74">'[2]Relatório-1ª med.'!#REF!</definedName>
    <definedName name="_________TT75" localSheetId="2">'[2]Relatório-1ª med.'!#REF!</definedName>
    <definedName name="_________TT75">'[2]Relatório-1ª med.'!#REF!</definedName>
    <definedName name="_________TT76" localSheetId="2">'[2]Relatório-1ª med.'!#REF!</definedName>
    <definedName name="_________TT76">'[2]Relatório-1ª med.'!#REF!</definedName>
    <definedName name="_________TT77" localSheetId="2">'[2]Relatório-1ª med.'!#REF!</definedName>
    <definedName name="_________TT77">'[2]Relatório-1ª med.'!#REF!</definedName>
    <definedName name="_________TT78" localSheetId="2">'[2]Relatório-1ª med.'!#REF!</definedName>
    <definedName name="_________TT78">'[2]Relatório-1ª med.'!#REF!</definedName>
    <definedName name="_________TT79" localSheetId="2">'[2]Relatório-1ª med.'!#REF!</definedName>
    <definedName name="_________TT79">'[2]Relatório-1ª med.'!#REF!</definedName>
    <definedName name="_________TT94" localSheetId="2">'[2]Relatório-1ª med.'!#REF!</definedName>
    <definedName name="_________TT94">'[2]Relatório-1ª med.'!#REF!</definedName>
    <definedName name="_________TT95" localSheetId="2">'[2]Relatório-1ª med.'!#REF!</definedName>
    <definedName name="_________TT95">'[2]Relatório-1ª med.'!#REF!</definedName>
    <definedName name="_________TT97" localSheetId="2">'[2]Relatório-1ª med.'!#REF!</definedName>
    <definedName name="_________TT97">'[2]Relatório-1ª med.'!#REF!</definedName>
    <definedName name="_________UNI11100" localSheetId="2">#REF!</definedName>
    <definedName name="_________UNI11100">#REF!</definedName>
    <definedName name="_________UNI11110" localSheetId="2">#REF!</definedName>
    <definedName name="_________UNI11110">#REF!</definedName>
    <definedName name="_________UNI11115" localSheetId="2">#REF!</definedName>
    <definedName name="_________UNI11115">#REF!</definedName>
    <definedName name="_________UNI11125" localSheetId="2">#REF!</definedName>
    <definedName name="_________UNI11125">#REF!</definedName>
    <definedName name="_________UNI11130" localSheetId="2">#REF!</definedName>
    <definedName name="_________UNI11130">#REF!</definedName>
    <definedName name="_________UNI11135" localSheetId="2">#REF!</definedName>
    <definedName name="_________UNI11135">#REF!</definedName>
    <definedName name="_________UNI11145" localSheetId="2">#REF!</definedName>
    <definedName name="_________UNI11145">#REF!</definedName>
    <definedName name="_________UNI11150" localSheetId="2">#REF!</definedName>
    <definedName name="_________UNI11150">#REF!</definedName>
    <definedName name="_________UNI11165" localSheetId="2">#REF!</definedName>
    <definedName name="_________UNI11165">#REF!</definedName>
    <definedName name="_________UNI11170" localSheetId="2">#REF!</definedName>
    <definedName name="_________UNI11170">#REF!</definedName>
    <definedName name="_________UNI11180" localSheetId="2">#REF!</definedName>
    <definedName name="_________UNI11180">#REF!</definedName>
    <definedName name="_________UNI11185" localSheetId="2">#REF!</definedName>
    <definedName name="_________UNI11185">#REF!</definedName>
    <definedName name="_________UNI11220" localSheetId="2">#REF!</definedName>
    <definedName name="_________UNI11220">#REF!</definedName>
    <definedName name="_________UNI12105" localSheetId="2">#REF!</definedName>
    <definedName name="_________UNI12105">#REF!</definedName>
    <definedName name="_________UNI12555" localSheetId="2">#REF!</definedName>
    <definedName name="_________UNI12555">#REF!</definedName>
    <definedName name="_________UNI12570" localSheetId="2">#REF!</definedName>
    <definedName name="_________UNI12570">#REF!</definedName>
    <definedName name="_________UNI12575" localSheetId="2">#REF!</definedName>
    <definedName name="_________UNI12575">#REF!</definedName>
    <definedName name="_________UNI12580" localSheetId="2">#REF!</definedName>
    <definedName name="_________UNI12580">#REF!</definedName>
    <definedName name="_________UNI12600" localSheetId="2">#REF!</definedName>
    <definedName name="_________UNI12600">#REF!</definedName>
    <definedName name="_________UNI12610" localSheetId="2">#REF!</definedName>
    <definedName name="_________UNI12610">#REF!</definedName>
    <definedName name="_________UNI12630" localSheetId="2">#REF!</definedName>
    <definedName name="_________UNI12630">#REF!</definedName>
    <definedName name="_________UNI12631" localSheetId="2">#REF!</definedName>
    <definedName name="_________UNI12631">#REF!</definedName>
    <definedName name="_________UNI12640" localSheetId="2">#REF!</definedName>
    <definedName name="_________UNI12640">#REF!</definedName>
    <definedName name="_________UNI12645" localSheetId="2">#REF!</definedName>
    <definedName name="_________UNI12645">#REF!</definedName>
    <definedName name="_________UNI12665" localSheetId="2">#REF!</definedName>
    <definedName name="_________UNI12665">#REF!</definedName>
    <definedName name="_________UNI12690" localSheetId="2">#REF!</definedName>
    <definedName name="_________UNI12690">#REF!</definedName>
    <definedName name="_________UNI12700" localSheetId="2">#REF!</definedName>
    <definedName name="_________UNI12700">#REF!</definedName>
    <definedName name="_________UNI12710" localSheetId="2">#REF!</definedName>
    <definedName name="_________UNI12710">#REF!</definedName>
    <definedName name="_________UNI13111" localSheetId="2">#REF!</definedName>
    <definedName name="_________UNI13111">#REF!</definedName>
    <definedName name="_________UNI13112" localSheetId="2">#REF!</definedName>
    <definedName name="_________UNI13112">#REF!</definedName>
    <definedName name="_________UNI13121" localSheetId="2">#REF!</definedName>
    <definedName name="_________UNI13121">#REF!</definedName>
    <definedName name="_________UNI13720" localSheetId="2">#REF!</definedName>
    <definedName name="_________UNI13720">#REF!</definedName>
    <definedName name="_________UNI14100" localSheetId="2">#REF!</definedName>
    <definedName name="_________UNI14100">#REF!</definedName>
    <definedName name="_________UNI14161" localSheetId="2">#REF!</definedName>
    <definedName name="_________UNI14161">#REF!</definedName>
    <definedName name="_________UNI14195" localSheetId="2">#REF!</definedName>
    <definedName name="_________UNI14195">#REF!</definedName>
    <definedName name="_________UNI14205" localSheetId="2">#REF!</definedName>
    <definedName name="_________UNI14205">#REF!</definedName>
    <definedName name="_________UNI14260" localSheetId="2">#REF!</definedName>
    <definedName name="_________UNI14260">#REF!</definedName>
    <definedName name="_________UNI14500" localSheetId="2">#REF!</definedName>
    <definedName name="_________UNI14500">#REF!</definedName>
    <definedName name="_________UNI14515" localSheetId="2">#REF!</definedName>
    <definedName name="_________UNI14515">#REF!</definedName>
    <definedName name="_________UNI14555" localSheetId="2">#REF!</definedName>
    <definedName name="_________UNI14555">#REF!</definedName>
    <definedName name="_________UNI14565" localSheetId="2">#REF!</definedName>
    <definedName name="_________UNI14565">#REF!</definedName>
    <definedName name="_________UNI15135" localSheetId="2">#REF!</definedName>
    <definedName name="_________UNI15135">#REF!</definedName>
    <definedName name="_________UNI15140" localSheetId="2">#REF!</definedName>
    <definedName name="_________UNI15140">#REF!</definedName>
    <definedName name="_________UNI15195" localSheetId="2">#REF!</definedName>
    <definedName name="_________UNI15195">#REF!</definedName>
    <definedName name="_________UNI15225" localSheetId="2">#REF!</definedName>
    <definedName name="_________UNI15225">#REF!</definedName>
    <definedName name="_________UNI15230" localSheetId="2">#REF!</definedName>
    <definedName name="_________UNI15230">#REF!</definedName>
    <definedName name="_________UNI15515" localSheetId="2">#REF!</definedName>
    <definedName name="_________UNI15515">#REF!</definedName>
    <definedName name="_________UNI15560" localSheetId="2">#REF!</definedName>
    <definedName name="_________UNI15560">#REF!</definedName>
    <definedName name="_________UNI15565" localSheetId="2">#REF!</definedName>
    <definedName name="_________UNI15565">#REF!</definedName>
    <definedName name="_________UNI15570" localSheetId="2">#REF!</definedName>
    <definedName name="_________UNI15570">#REF!</definedName>
    <definedName name="_________UNI15575" localSheetId="2">#REF!</definedName>
    <definedName name="_________UNI15575">#REF!</definedName>
    <definedName name="_________UNI15583" localSheetId="2">#REF!</definedName>
    <definedName name="_________UNI15583">#REF!</definedName>
    <definedName name="_________UNI15590" localSheetId="2">#REF!</definedName>
    <definedName name="_________UNI15590">#REF!</definedName>
    <definedName name="_________UNI15591" localSheetId="2">#REF!</definedName>
    <definedName name="_________UNI15591">#REF!</definedName>
    <definedName name="_________UNI15610" localSheetId="2">#REF!</definedName>
    <definedName name="_________UNI15610">#REF!</definedName>
    <definedName name="_________UNI15625" localSheetId="2">#REF!</definedName>
    <definedName name="_________UNI15625">#REF!</definedName>
    <definedName name="_________UNI15635" localSheetId="2">#REF!</definedName>
    <definedName name="_________UNI15635">#REF!</definedName>
    <definedName name="_________UNI15655" localSheetId="2">#REF!</definedName>
    <definedName name="_________UNI15655">#REF!</definedName>
    <definedName name="_________UNI15665" localSheetId="2">#REF!</definedName>
    <definedName name="_________UNI15665">#REF!</definedName>
    <definedName name="_________UNI16515" localSheetId="2">#REF!</definedName>
    <definedName name="_________UNI16515">#REF!</definedName>
    <definedName name="_________UNI16535" localSheetId="2">#REF!</definedName>
    <definedName name="_________UNI16535">#REF!</definedName>
    <definedName name="_________UNI17140" localSheetId="2">#REF!</definedName>
    <definedName name="_________UNI17140">#REF!</definedName>
    <definedName name="_________UNI19500" localSheetId="2">#REF!</definedName>
    <definedName name="_________UNI19500">#REF!</definedName>
    <definedName name="_________UNI19501" localSheetId="2">#REF!</definedName>
    <definedName name="_________UNI19501">#REF!</definedName>
    <definedName name="_________UNI19502" localSheetId="2">#REF!</definedName>
    <definedName name="_________UNI19502">#REF!</definedName>
    <definedName name="_________UNI19503" localSheetId="2">#REF!</definedName>
    <definedName name="_________UNI19503">#REF!</definedName>
    <definedName name="_________UNI19504" localSheetId="2">#REF!</definedName>
    <definedName name="_________UNI19504">#REF!</definedName>
    <definedName name="_________UNI19505" localSheetId="2">#REF!</definedName>
    <definedName name="_________UNI19505">#REF!</definedName>
    <definedName name="_________UNI20100" localSheetId="2">#REF!</definedName>
    <definedName name="_________UNI20100">#REF!</definedName>
    <definedName name="_________UNI20105" localSheetId="2">#REF!</definedName>
    <definedName name="_________UNI20105">#REF!</definedName>
    <definedName name="_________UNI20110" localSheetId="2">#REF!</definedName>
    <definedName name="_________UNI20110">#REF!</definedName>
    <definedName name="_________UNI20115" localSheetId="2">#REF!</definedName>
    <definedName name="_________UNI20115">#REF!</definedName>
    <definedName name="_________UNI20130" localSheetId="2">#REF!</definedName>
    <definedName name="_________UNI20130">#REF!</definedName>
    <definedName name="_________UNI20135" localSheetId="2">#REF!</definedName>
    <definedName name="_________UNI20135">#REF!</definedName>
    <definedName name="_________UNI20140" localSheetId="2">#REF!</definedName>
    <definedName name="_________UNI20140">#REF!</definedName>
    <definedName name="_________UNI20145" localSheetId="2">#REF!</definedName>
    <definedName name="_________UNI20145">#REF!</definedName>
    <definedName name="_________UNI20150" localSheetId="2">#REF!</definedName>
    <definedName name="_________UNI20150">#REF!</definedName>
    <definedName name="_________UNI20155" localSheetId="2">#REF!</definedName>
    <definedName name="_________UNI20155">#REF!</definedName>
    <definedName name="_________UNI20175" localSheetId="2">#REF!</definedName>
    <definedName name="_________UNI20175">#REF!</definedName>
    <definedName name="_________UNI20185" localSheetId="2">#REF!</definedName>
    <definedName name="_________UNI20185">#REF!</definedName>
    <definedName name="_________UNI20190" localSheetId="2">#REF!</definedName>
    <definedName name="_________UNI20190">#REF!</definedName>
    <definedName name="_________UNI20195" localSheetId="2">#REF!</definedName>
    <definedName name="_________UNI20195">#REF!</definedName>
    <definedName name="_________UNI20210" localSheetId="2">#REF!</definedName>
    <definedName name="_________UNI20210">#REF!</definedName>
    <definedName name="_________VAL11100" localSheetId="2">#REF!</definedName>
    <definedName name="_________VAL11100">#REF!</definedName>
    <definedName name="_________VAL11110" localSheetId="2">#REF!</definedName>
    <definedName name="_________VAL11110">#REF!</definedName>
    <definedName name="_________VAL11115" localSheetId="2">#REF!</definedName>
    <definedName name="_________VAL11115">#REF!</definedName>
    <definedName name="_________VAL11125" localSheetId="2">#REF!</definedName>
    <definedName name="_________VAL11125">#REF!</definedName>
    <definedName name="_________VAL11130" localSheetId="2">#REF!</definedName>
    <definedName name="_________VAL11130">#REF!</definedName>
    <definedName name="_________VAL11135" localSheetId="2">#REF!</definedName>
    <definedName name="_________VAL11135">#REF!</definedName>
    <definedName name="_________VAL11145" localSheetId="2">#REF!</definedName>
    <definedName name="_________VAL11145">#REF!</definedName>
    <definedName name="_________VAL11150" localSheetId="2">#REF!</definedName>
    <definedName name="_________VAL11150">#REF!</definedName>
    <definedName name="_________VAL11165" localSheetId="2">#REF!</definedName>
    <definedName name="_________VAL11165">#REF!</definedName>
    <definedName name="_________VAL11170" localSheetId="2">#REF!</definedName>
    <definedName name="_________VAL11170">#REF!</definedName>
    <definedName name="_________VAL11180" localSheetId="2">#REF!</definedName>
    <definedName name="_________VAL11180">#REF!</definedName>
    <definedName name="_________VAL11185" localSheetId="2">#REF!</definedName>
    <definedName name="_________VAL11185">#REF!</definedName>
    <definedName name="_________VAL11220" localSheetId="2">#REF!</definedName>
    <definedName name="_________VAL11220">#REF!</definedName>
    <definedName name="_________VAL12105" localSheetId="2">#REF!</definedName>
    <definedName name="_________VAL12105">#REF!</definedName>
    <definedName name="_________VAL12555" localSheetId="2">#REF!</definedName>
    <definedName name="_________VAL12555">#REF!</definedName>
    <definedName name="_________VAL12570" localSheetId="2">#REF!</definedName>
    <definedName name="_________VAL12570">#REF!</definedName>
    <definedName name="_________VAL12575" localSheetId="2">#REF!</definedName>
    <definedName name="_________VAL12575">#REF!</definedName>
    <definedName name="_________VAL12580" localSheetId="2">#REF!</definedName>
    <definedName name="_________VAL12580">#REF!</definedName>
    <definedName name="_________VAL12600" localSheetId="2">#REF!</definedName>
    <definedName name="_________VAL12600">#REF!</definedName>
    <definedName name="_________VAL12610" localSheetId="2">#REF!</definedName>
    <definedName name="_________VAL12610">#REF!</definedName>
    <definedName name="_________VAL12630" localSheetId="2">#REF!</definedName>
    <definedName name="_________VAL12630">#REF!</definedName>
    <definedName name="_________VAL12631" localSheetId="2">#REF!</definedName>
    <definedName name="_________VAL12631">#REF!</definedName>
    <definedName name="_________VAL12640" localSheetId="2">#REF!</definedName>
    <definedName name="_________VAL12640">#REF!</definedName>
    <definedName name="_________VAL12645" localSheetId="2">#REF!</definedName>
    <definedName name="_________VAL12645">#REF!</definedName>
    <definedName name="_________VAL12665" localSheetId="2">#REF!</definedName>
    <definedName name="_________VAL12665">#REF!</definedName>
    <definedName name="_________VAL12690" localSheetId="2">#REF!</definedName>
    <definedName name="_________VAL12690">#REF!</definedName>
    <definedName name="_________VAL12700" localSheetId="2">#REF!</definedName>
    <definedName name="_________VAL12700">#REF!</definedName>
    <definedName name="_________VAL12710" localSheetId="2">#REF!</definedName>
    <definedName name="_________VAL12710">#REF!</definedName>
    <definedName name="_________VAL13111" localSheetId="2">#REF!</definedName>
    <definedName name="_________VAL13111">#REF!</definedName>
    <definedName name="_________VAL13112" localSheetId="2">#REF!</definedName>
    <definedName name="_________VAL13112">#REF!</definedName>
    <definedName name="_________VAL13121" localSheetId="2">#REF!</definedName>
    <definedName name="_________VAL13121">#REF!</definedName>
    <definedName name="_________VAL13720" localSheetId="2">#REF!</definedName>
    <definedName name="_________VAL13720">#REF!</definedName>
    <definedName name="_________VAL14100" localSheetId="2">#REF!</definedName>
    <definedName name="_________VAL14100">#REF!</definedName>
    <definedName name="_________VAL14161" localSheetId="2">#REF!</definedName>
    <definedName name="_________VAL14161">#REF!</definedName>
    <definedName name="_________VAL14195" localSheetId="2">#REF!</definedName>
    <definedName name="_________VAL14195">#REF!</definedName>
    <definedName name="_________VAL14205" localSheetId="2">#REF!</definedName>
    <definedName name="_________VAL14205">#REF!</definedName>
    <definedName name="_________VAL14260" localSheetId="2">#REF!</definedName>
    <definedName name="_________VAL14260">#REF!</definedName>
    <definedName name="_________VAL14500" localSheetId="2">#REF!</definedName>
    <definedName name="_________VAL14500">#REF!</definedName>
    <definedName name="_________VAL14515" localSheetId="2">#REF!</definedName>
    <definedName name="_________VAL14515">#REF!</definedName>
    <definedName name="_________VAL14555" localSheetId="2">#REF!</definedName>
    <definedName name="_________VAL14555">#REF!</definedName>
    <definedName name="_________VAL14565" localSheetId="2">#REF!</definedName>
    <definedName name="_________VAL14565">#REF!</definedName>
    <definedName name="_________VAL15135" localSheetId="2">#REF!</definedName>
    <definedName name="_________VAL15135">#REF!</definedName>
    <definedName name="_________VAL15140" localSheetId="2">#REF!</definedName>
    <definedName name="_________VAL15140">#REF!</definedName>
    <definedName name="_________VAL15195" localSheetId="2">#REF!</definedName>
    <definedName name="_________VAL15195">#REF!</definedName>
    <definedName name="_________VAL15225" localSheetId="2">#REF!</definedName>
    <definedName name="_________VAL15225">#REF!</definedName>
    <definedName name="_________VAL15230" localSheetId="2">#REF!</definedName>
    <definedName name="_________VAL15230">#REF!</definedName>
    <definedName name="_________VAL15515" localSheetId="2">#REF!</definedName>
    <definedName name="_________VAL15515">#REF!</definedName>
    <definedName name="_________VAL15560" localSheetId="2">#REF!</definedName>
    <definedName name="_________VAL15560">#REF!</definedName>
    <definedName name="_________VAL15565" localSheetId="2">#REF!</definedName>
    <definedName name="_________VAL15565">#REF!</definedName>
    <definedName name="_________VAL15570" localSheetId="2">#REF!</definedName>
    <definedName name="_________VAL15570">#REF!</definedName>
    <definedName name="_________VAL15575" localSheetId="2">#REF!</definedName>
    <definedName name="_________VAL15575">#REF!</definedName>
    <definedName name="_________VAL15583" localSheetId="2">#REF!</definedName>
    <definedName name="_________VAL15583">#REF!</definedName>
    <definedName name="_________VAL15590" localSheetId="2">#REF!</definedName>
    <definedName name="_________VAL15590">#REF!</definedName>
    <definedName name="_________VAL15591" localSheetId="2">#REF!</definedName>
    <definedName name="_________VAL15591">#REF!</definedName>
    <definedName name="_________VAL15610" localSheetId="2">#REF!</definedName>
    <definedName name="_________VAL15610">#REF!</definedName>
    <definedName name="_________VAL15625" localSheetId="2">#REF!</definedName>
    <definedName name="_________VAL15625">#REF!</definedName>
    <definedName name="_________VAL15635" localSheetId="2">#REF!</definedName>
    <definedName name="_________VAL15635">#REF!</definedName>
    <definedName name="_________VAL15655" localSheetId="2">#REF!</definedName>
    <definedName name="_________VAL15655">#REF!</definedName>
    <definedName name="_________VAL15665" localSheetId="2">#REF!</definedName>
    <definedName name="_________VAL15665">#REF!</definedName>
    <definedName name="_________VAL16515" localSheetId="2">#REF!</definedName>
    <definedName name="_________VAL16515">#REF!</definedName>
    <definedName name="_________VAL16535" localSheetId="2">#REF!</definedName>
    <definedName name="_________VAL16535">#REF!</definedName>
    <definedName name="_________VAL17140" localSheetId="2">#REF!</definedName>
    <definedName name="_________VAL17140">#REF!</definedName>
    <definedName name="_________VAL19500" localSheetId="2">#REF!</definedName>
    <definedName name="_________VAL19500">#REF!</definedName>
    <definedName name="_________VAL19501" localSheetId="2">#REF!</definedName>
    <definedName name="_________VAL19501">#REF!</definedName>
    <definedName name="_________VAL19502" localSheetId="2">#REF!</definedName>
    <definedName name="_________VAL19502">#REF!</definedName>
    <definedName name="_________VAL19503" localSheetId="2">#REF!</definedName>
    <definedName name="_________VAL19503">#REF!</definedName>
    <definedName name="_________VAL19504" localSheetId="2">#REF!</definedName>
    <definedName name="_________VAL19504">#REF!</definedName>
    <definedName name="_________VAL19505" localSheetId="2">#REF!</definedName>
    <definedName name="_________VAL19505">#REF!</definedName>
    <definedName name="_________VAL20100" localSheetId="2">#REF!</definedName>
    <definedName name="_________VAL20100">#REF!</definedName>
    <definedName name="_________VAL20105" localSheetId="2">#REF!</definedName>
    <definedName name="_________VAL20105">#REF!</definedName>
    <definedName name="_________VAL20110" localSheetId="2">#REF!</definedName>
    <definedName name="_________VAL20110">#REF!</definedName>
    <definedName name="_________VAL20115" localSheetId="2">#REF!</definedName>
    <definedName name="_________VAL20115">#REF!</definedName>
    <definedName name="_________VAL20130" localSheetId="2">#REF!</definedName>
    <definedName name="_________VAL20130">#REF!</definedName>
    <definedName name="_________VAL20135" localSheetId="2">#REF!</definedName>
    <definedName name="_________VAL20135">#REF!</definedName>
    <definedName name="_________VAL20140" localSheetId="2">#REF!</definedName>
    <definedName name="_________VAL20140">#REF!</definedName>
    <definedName name="_________VAL20145" localSheetId="2">#REF!</definedName>
    <definedName name="_________VAL20145">#REF!</definedName>
    <definedName name="_________VAL20150" localSheetId="2">#REF!</definedName>
    <definedName name="_________VAL20150">#REF!</definedName>
    <definedName name="_________VAL20155" localSheetId="2">#REF!</definedName>
    <definedName name="_________VAL20155">#REF!</definedName>
    <definedName name="_________VAL20175" localSheetId="2">#REF!</definedName>
    <definedName name="_________VAL20175">#REF!</definedName>
    <definedName name="_________VAL20185" localSheetId="2">#REF!</definedName>
    <definedName name="_________VAL20185">#REF!</definedName>
    <definedName name="_________VAL20190" localSheetId="2">#REF!</definedName>
    <definedName name="_________VAL20190">#REF!</definedName>
    <definedName name="_________VAL20195" localSheetId="2">#REF!</definedName>
    <definedName name="_________VAL20195">#REF!</definedName>
    <definedName name="_________VAL20210" localSheetId="2">#REF!</definedName>
    <definedName name="_________VAL20210">#REF!</definedName>
    <definedName name="________A1" localSheetId="2">#REF!</definedName>
    <definedName name="________A1">#REF!</definedName>
    <definedName name="________cab1" localSheetId="2">#REF!</definedName>
    <definedName name="________cab1">#REF!</definedName>
    <definedName name="________COM010201" localSheetId="2">#REF!</definedName>
    <definedName name="________COM010201">#REF!</definedName>
    <definedName name="________COM010202" localSheetId="2">#REF!</definedName>
    <definedName name="________COM010202">#REF!</definedName>
    <definedName name="________COM010205" localSheetId="2">#REF!</definedName>
    <definedName name="________COM010205">#REF!</definedName>
    <definedName name="________COM010206" localSheetId="2">#REF!</definedName>
    <definedName name="________COM010206">#REF!</definedName>
    <definedName name="________COM010210" localSheetId="2">#REF!</definedName>
    <definedName name="________COM010210">#REF!</definedName>
    <definedName name="________COM010301" localSheetId="2">#REF!</definedName>
    <definedName name="________COM010301">#REF!</definedName>
    <definedName name="________COM010401" localSheetId="2">#REF!</definedName>
    <definedName name="________COM010401">#REF!</definedName>
    <definedName name="________COM010402" localSheetId="2">#REF!</definedName>
    <definedName name="________COM010402">#REF!</definedName>
    <definedName name="________COM010407" localSheetId="2">#REF!</definedName>
    <definedName name="________COM010407">#REF!</definedName>
    <definedName name="________COM010413" localSheetId="2">#REF!</definedName>
    <definedName name="________COM010413">#REF!</definedName>
    <definedName name="________COM010501" localSheetId="2">#REF!</definedName>
    <definedName name="________COM010501">#REF!</definedName>
    <definedName name="________COM010503" localSheetId="2">#REF!</definedName>
    <definedName name="________COM010503">#REF!</definedName>
    <definedName name="________COM010505" localSheetId="2">#REF!</definedName>
    <definedName name="________COM010505">#REF!</definedName>
    <definedName name="________COM010509" localSheetId="2">#REF!</definedName>
    <definedName name="________COM010509">#REF!</definedName>
    <definedName name="________COM010512" localSheetId="2">#REF!</definedName>
    <definedName name="________COM010512">#REF!</definedName>
    <definedName name="________COM010518" localSheetId="2">#REF!</definedName>
    <definedName name="________COM010518">#REF!</definedName>
    <definedName name="________COM010519" localSheetId="2">#REF!</definedName>
    <definedName name="________COM010519">#REF!</definedName>
    <definedName name="________COM010521" localSheetId="2">#REF!</definedName>
    <definedName name="________COM010521">#REF!</definedName>
    <definedName name="________COM010523" localSheetId="2">#REF!</definedName>
    <definedName name="________COM010523">#REF!</definedName>
    <definedName name="________COM010532" localSheetId="2">#REF!</definedName>
    <definedName name="________COM010532">#REF!</definedName>
    <definedName name="________COM010533" localSheetId="2">#REF!</definedName>
    <definedName name="________COM010533">#REF!</definedName>
    <definedName name="________COM010536" localSheetId="2">#REF!</definedName>
    <definedName name="________COM010536">#REF!</definedName>
    <definedName name="________COM010701" localSheetId="2">#REF!</definedName>
    <definedName name="________COM010701">#REF!</definedName>
    <definedName name="________COM010703" localSheetId="2">#REF!</definedName>
    <definedName name="________COM010703">#REF!</definedName>
    <definedName name="________COM010705" localSheetId="2">#REF!</definedName>
    <definedName name="________COM010705">#REF!</definedName>
    <definedName name="________COM010708" localSheetId="2">#REF!</definedName>
    <definedName name="________COM010708">#REF!</definedName>
    <definedName name="________COM010710" localSheetId="2">#REF!</definedName>
    <definedName name="________COM010710">#REF!</definedName>
    <definedName name="________COM010712" localSheetId="2">#REF!</definedName>
    <definedName name="________COM010712">#REF!</definedName>
    <definedName name="________COM010717" localSheetId="2">#REF!</definedName>
    <definedName name="________COM010717">#REF!</definedName>
    <definedName name="________COM010718" localSheetId="2">#REF!</definedName>
    <definedName name="________COM010718">#REF!</definedName>
    <definedName name="________COM020201" localSheetId="2">#REF!</definedName>
    <definedName name="________COM020201">#REF!</definedName>
    <definedName name="________COM020205" localSheetId="2">#REF!</definedName>
    <definedName name="________COM020205">#REF!</definedName>
    <definedName name="________COM020211" localSheetId="2">#REF!</definedName>
    <definedName name="________COM020211">#REF!</definedName>
    <definedName name="________COM020217" localSheetId="2">#REF!</definedName>
    <definedName name="________COM020217">#REF!</definedName>
    <definedName name="________COM030102" localSheetId="2">#REF!</definedName>
    <definedName name="________COM030102">#REF!</definedName>
    <definedName name="________COM030201" localSheetId="2">#REF!</definedName>
    <definedName name="________COM030201">#REF!</definedName>
    <definedName name="________COM030303" localSheetId="2">#REF!</definedName>
    <definedName name="________COM030303">#REF!</definedName>
    <definedName name="________COM030317" localSheetId="2">#REF!</definedName>
    <definedName name="________COM030317">#REF!</definedName>
    <definedName name="________COM040101" localSheetId="2">#REF!</definedName>
    <definedName name="________COM040101">#REF!</definedName>
    <definedName name="________COM040202" localSheetId="2">#REF!</definedName>
    <definedName name="________COM040202">#REF!</definedName>
    <definedName name="________COM050103" localSheetId="2">#REF!</definedName>
    <definedName name="________COM050103">#REF!</definedName>
    <definedName name="________COM050207" localSheetId="2">#REF!</definedName>
    <definedName name="________COM050207">#REF!</definedName>
    <definedName name="________COM060101" localSheetId="2">#REF!</definedName>
    <definedName name="________COM060101">#REF!</definedName>
    <definedName name="________COM080101" localSheetId="2">#REF!</definedName>
    <definedName name="________COM080101">#REF!</definedName>
    <definedName name="________COM080310" localSheetId="2">#REF!</definedName>
    <definedName name="________COM080310">#REF!</definedName>
    <definedName name="________COM090101" localSheetId="2">#REF!</definedName>
    <definedName name="________COM090101">#REF!</definedName>
    <definedName name="________COM100302" localSheetId="2">#REF!</definedName>
    <definedName name="________COM100302">#REF!</definedName>
    <definedName name="________COM110101" localSheetId="2">#REF!</definedName>
    <definedName name="________COM110101">#REF!</definedName>
    <definedName name="________COM110104" localSheetId="2">#REF!</definedName>
    <definedName name="________COM110104">#REF!</definedName>
    <definedName name="________COM110107" localSheetId="2">#REF!</definedName>
    <definedName name="________COM110107">#REF!</definedName>
    <definedName name="________COM120101" localSheetId="2">#REF!</definedName>
    <definedName name="________COM120101">#REF!</definedName>
    <definedName name="________COM120105" localSheetId="2">#REF!</definedName>
    <definedName name="________COM120105">#REF!</definedName>
    <definedName name="________COM120106" localSheetId="2">#REF!</definedName>
    <definedName name="________COM120106">#REF!</definedName>
    <definedName name="________COM120107" localSheetId="2">#REF!</definedName>
    <definedName name="________COM120107">#REF!</definedName>
    <definedName name="________COM120110" localSheetId="2">#REF!</definedName>
    <definedName name="________COM120110">#REF!</definedName>
    <definedName name="________COM120150" localSheetId="2">#REF!</definedName>
    <definedName name="________COM120150">#REF!</definedName>
    <definedName name="________COM130101" localSheetId="2">#REF!</definedName>
    <definedName name="________COM130101">#REF!</definedName>
    <definedName name="________COM130103" localSheetId="2">#REF!</definedName>
    <definedName name="________COM130103">#REF!</definedName>
    <definedName name="________COM130304" localSheetId="2">#REF!</definedName>
    <definedName name="________COM130304">#REF!</definedName>
    <definedName name="________COM130401" localSheetId="2">#REF!</definedName>
    <definedName name="________COM130401">#REF!</definedName>
    <definedName name="________COM140102" localSheetId="2">#REF!</definedName>
    <definedName name="________COM140102">#REF!</definedName>
    <definedName name="________COM140109" localSheetId="2">#REF!</definedName>
    <definedName name="________COM140109">#REF!</definedName>
    <definedName name="________COM140113" localSheetId="2">#REF!</definedName>
    <definedName name="________COM140113">#REF!</definedName>
    <definedName name="________COM140122" localSheetId="2">#REF!</definedName>
    <definedName name="________COM140122">#REF!</definedName>
    <definedName name="________COM140126" localSheetId="2">#REF!</definedName>
    <definedName name="________COM140126">#REF!</definedName>
    <definedName name="________COM140129" localSheetId="2">#REF!</definedName>
    <definedName name="________COM140129">#REF!</definedName>
    <definedName name="________COM140135" localSheetId="2">#REF!</definedName>
    <definedName name="________COM140135">#REF!</definedName>
    <definedName name="________COM140143" localSheetId="2">#REF!</definedName>
    <definedName name="________COM140143">#REF!</definedName>
    <definedName name="________COM140145" localSheetId="2">#REF!</definedName>
    <definedName name="________COM140145">#REF!</definedName>
    <definedName name="________COM150130" localSheetId="2">#REF!</definedName>
    <definedName name="________COM150130">#REF!</definedName>
    <definedName name="________COM170101" localSheetId="2">#REF!</definedName>
    <definedName name="________COM170101">#REF!</definedName>
    <definedName name="________COM170102" localSheetId="2">#REF!</definedName>
    <definedName name="________COM170102">#REF!</definedName>
    <definedName name="________COM170103" localSheetId="2">#REF!</definedName>
    <definedName name="________COM170103">#REF!</definedName>
    <definedName name="________GLB2" localSheetId="2">#REF!</definedName>
    <definedName name="________GLB2">#REF!</definedName>
    <definedName name="________i3" localSheetId="2">#REF!</definedName>
    <definedName name="________i3">#REF!</definedName>
    <definedName name="________MAO010201" localSheetId="2">#REF!</definedName>
    <definedName name="________MAO010201">#REF!</definedName>
    <definedName name="________MAO010202" localSheetId="2">#REF!</definedName>
    <definedName name="________MAO010202">#REF!</definedName>
    <definedName name="________MAO010205" localSheetId="2">#REF!</definedName>
    <definedName name="________MAO010205">#REF!</definedName>
    <definedName name="________MAO010206" localSheetId="2">#REF!</definedName>
    <definedName name="________MAO010206">#REF!</definedName>
    <definedName name="________MAO010210" localSheetId="2">#REF!</definedName>
    <definedName name="________MAO010210">#REF!</definedName>
    <definedName name="________MAO010401" localSheetId="2">#REF!</definedName>
    <definedName name="________MAO010401">#REF!</definedName>
    <definedName name="________MAO010402" localSheetId="2">#REF!</definedName>
    <definedName name="________MAO010402">#REF!</definedName>
    <definedName name="________MAO010407" localSheetId="2">#REF!</definedName>
    <definedName name="________MAO010407">#REF!</definedName>
    <definedName name="________MAO010413" localSheetId="2">#REF!</definedName>
    <definedName name="________MAO010413">#REF!</definedName>
    <definedName name="________MAO010501" localSheetId="2">#REF!</definedName>
    <definedName name="________MAO010501">#REF!</definedName>
    <definedName name="________MAO010503" localSheetId="2">#REF!</definedName>
    <definedName name="________MAO010503">#REF!</definedName>
    <definedName name="________MAO010505" localSheetId="2">#REF!</definedName>
    <definedName name="________MAO010505">#REF!</definedName>
    <definedName name="________MAO010509" localSheetId="2">#REF!</definedName>
    <definedName name="________MAO010509">#REF!</definedName>
    <definedName name="________MAO010512" localSheetId="2">#REF!</definedName>
    <definedName name="________MAO010512">#REF!</definedName>
    <definedName name="________MAO010518" localSheetId="2">#REF!</definedName>
    <definedName name="________MAO010518">#REF!</definedName>
    <definedName name="________MAO010519" localSheetId="2">#REF!</definedName>
    <definedName name="________MAO010519">#REF!</definedName>
    <definedName name="________MAO010521" localSheetId="2">#REF!</definedName>
    <definedName name="________MAO010521">#REF!</definedName>
    <definedName name="________MAO010523" localSheetId="2">#REF!</definedName>
    <definedName name="________MAO010523">#REF!</definedName>
    <definedName name="________MAO010532" localSheetId="2">#REF!</definedName>
    <definedName name="________MAO010532">#REF!</definedName>
    <definedName name="________MAO010533" localSheetId="2">#REF!</definedName>
    <definedName name="________MAO010533">#REF!</definedName>
    <definedName name="________MAO010536" localSheetId="2">#REF!</definedName>
    <definedName name="________MAO010536">#REF!</definedName>
    <definedName name="________MAO010701" localSheetId="2">#REF!</definedName>
    <definedName name="________MAO010701">#REF!</definedName>
    <definedName name="________MAO010703" localSheetId="2">#REF!</definedName>
    <definedName name="________MAO010703">#REF!</definedName>
    <definedName name="________MAO010705" localSheetId="2">#REF!</definedName>
    <definedName name="________MAO010705">#REF!</definedName>
    <definedName name="________MAO010708" localSheetId="2">#REF!</definedName>
    <definedName name="________MAO010708">#REF!</definedName>
    <definedName name="________MAO010710" localSheetId="2">#REF!</definedName>
    <definedName name="________MAO010710">#REF!</definedName>
    <definedName name="________MAO010712" localSheetId="2">#REF!</definedName>
    <definedName name="________MAO010712">#REF!</definedName>
    <definedName name="________MAO010717" localSheetId="2">#REF!</definedName>
    <definedName name="________MAO010717">#REF!</definedName>
    <definedName name="________MAO020201" localSheetId="2">#REF!</definedName>
    <definedName name="________MAO020201">#REF!</definedName>
    <definedName name="________MAO020205" localSheetId="2">#REF!</definedName>
    <definedName name="________MAO020205">#REF!</definedName>
    <definedName name="________MAO020211" localSheetId="2">#REF!</definedName>
    <definedName name="________MAO020211">#REF!</definedName>
    <definedName name="________MAO020217" localSheetId="2">#REF!</definedName>
    <definedName name="________MAO020217">#REF!</definedName>
    <definedName name="________MAO030102" localSheetId="2">#REF!</definedName>
    <definedName name="________MAO030102">#REF!</definedName>
    <definedName name="________MAO030201" localSheetId="2">#REF!</definedName>
    <definedName name="________MAO030201">#REF!</definedName>
    <definedName name="________MAO030303" localSheetId="2">#REF!</definedName>
    <definedName name="________MAO030303">#REF!</definedName>
    <definedName name="________MAO030317" localSheetId="2">#REF!</definedName>
    <definedName name="________MAO030317">#REF!</definedName>
    <definedName name="________MAO040101" localSheetId="2">#REF!</definedName>
    <definedName name="________MAO040101">#REF!</definedName>
    <definedName name="________MAO040202" localSheetId="2">#REF!</definedName>
    <definedName name="________MAO040202">#REF!</definedName>
    <definedName name="________MAO050103" localSheetId="2">#REF!</definedName>
    <definedName name="________MAO050103">#REF!</definedName>
    <definedName name="________MAO050207" localSheetId="2">#REF!</definedName>
    <definedName name="________MAO050207">#REF!</definedName>
    <definedName name="________MAO060101" localSheetId="2">#REF!</definedName>
    <definedName name="________MAO060101">#REF!</definedName>
    <definedName name="________MAO080310" localSheetId="2">#REF!</definedName>
    <definedName name="________MAO080310">#REF!</definedName>
    <definedName name="________MAO090101" localSheetId="2">#REF!</definedName>
    <definedName name="________MAO090101">#REF!</definedName>
    <definedName name="________MAO110101" localSheetId="2">#REF!</definedName>
    <definedName name="________MAO110101">#REF!</definedName>
    <definedName name="________MAO110104" localSheetId="2">#REF!</definedName>
    <definedName name="________MAO110104">#REF!</definedName>
    <definedName name="________MAO110107" localSheetId="2">#REF!</definedName>
    <definedName name="________MAO110107">#REF!</definedName>
    <definedName name="________MAO120101" localSheetId="2">#REF!</definedName>
    <definedName name="________MAO120101">#REF!</definedName>
    <definedName name="________MAO120105" localSheetId="2">#REF!</definedName>
    <definedName name="________MAO120105">#REF!</definedName>
    <definedName name="________MAO120106" localSheetId="2">#REF!</definedName>
    <definedName name="________MAO120106">#REF!</definedName>
    <definedName name="________MAO120107" localSheetId="2">#REF!</definedName>
    <definedName name="________MAO120107">#REF!</definedName>
    <definedName name="________MAO120110" localSheetId="2">#REF!</definedName>
    <definedName name="________MAO120110">#REF!</definedName>
    <definedName name="________MAO120150" localSheetId="2">#REF!</definedName>
    <definedName name="________MAO120150">#REF!</definedName>
    <definedName name="________MAO130101" localSheetId="2">#REF!</definedName>
    <definedName name="________MAO130101">#REF!</definedName>
    <definedName name="________MAO130103" localSheetId="2">#REF!</definedName>
    <definedName name="________MAO130103">#REF!</definedName>
    <definedName name="________MAO130304" localSheetId="2">#REF!</definedName>
    <definedName name="________MAO130304">#REF!</definedName>
    <definedName name="________MAO130401" localSheetId="2">#REF!</definedName>
    <definedName name="________MAO130401">#REF!</definedName>
    <definedName name="________MAO140102" localSheetId="2">#REF!</definedName>
    <definedName name="________MAO140102">#REF!</definedName>
    <definedName name="________MAO140109" localSheetId="2">#REF!</definedName>
    <definedName name="________MAO140109">#REF!</definedName>
    <definedName name="________MAO140113" localSheetId="2">#REF!</definedName>
    <definedName name="________MAO140113">#REF!</definedName>
    <definedName name="________MAO140122" localSheetId="2">#REF!</definedName>
    <definedName name="________MAO140122">#REF!</definedName>
    <definedName name="________MAO140126" localSheetId="2">#REF!</definedName>
    <definedName name="________MAO140126">#REF!</definedName>
    <definedName name="________MAO140129" localSheetId="2">#REF!</definedName>
    <definedName name="________MAO140129">#REF!</definedName>
    <definedName name="________MAO140135" localSheetId="2">#REF!</definedName>
    <definedName name="________MAO140135">#REF!</definedName>
    <definedName name="________MAO140143" localSheetId="2">#REF!</definedName>
    <definedName name="________MAO140143">#REF!</definedName>
    <definedName name="________MAO140145" localSheetId="2">#REF!</definedName>
    <definedName name="________MAO140145">#REF!</definedName>
    <definedName name="________MAT010301" localSheetId="2">#REF!</definedName>
    <definedName name="________MAT010301">#REF!</definedName>
    <definedName name="________MAT010401" localSheetId="2">#REF!</definedName>
    <definedName name="________MAT010401">#REF!</definedName>
    <definedName name="________MAT010402" localSheetId="2">#REF!</definedName>
    <definedName name="________MAT010402">#REF!</definedName>
    <definedName name="________MAT010407" localSheetId="2">#REF!</definedName>
    <definedName name="________MAT010407">#REF!</definedName>
    <definedName name="________MAT010413" localSheetId="2">#REF!</definedName>
    <definedName name="________MAT010413">#REF!</definedName>
    <definedName name="________MAT010536" localSheetId="2">#REF!</definedName>
    <definedName name="________MAT010536">#REF!</definedName>
    <definedName name="________MAT010703" localSheetId="2">#REF!</definedName>
    <definedName name="________MAT010703">#REF!</definedName>
    <definedName name="________MAT010708" localSheetId="2">#REF!</definedName>
    <definedName name="________MAT010708">#REF!</definedName>
    <definedName name="________MAT010710" localSheetId="2">#REF!</definedName>
    <definedName name="________MAT010710">#REF!</definedName>
    <definedName name="________MAT010718" localSheetId="2">#REF!</definedName>
    <definedName name="________MAT010718">#REF!</definedName>
    <definedName name="________MAT020201" localSheetId="2">#REF!</definedName>
    <definedName name="________MAT020201">#REF!</definedName>
    <definedName name="________MAT020205" localSheetId="2">#REF!</definedName>
    <definedName name="________MAT020205">#REF!</definedName>
    <definedName name="________MAT020211" localSheetId="2">#REF!</definedName>
    <definedName name="________MAT020211">#REF!</definedName>
    <definedName name="________MAT030102" localSheetId="2">#REF!</definedName>
    <definedName name="________MAT030102">#REF!</definedName>
    <definedName name="________MAT030201" localSheetId="2">#REF!</definedName>
    <definedName name="________MAT030201">#REF!</definedName>
    <definedName name="________MAT030303" localSheetId="2">#REF!</definedName>
    <definedName name="________MAT030303">#REF!</definedName>
    <definedName name="________MAT030317" localSheetId="2">#REF!</definedName>
    <definedName name="________MAT030317">#REF!</definedName>
    <definedName name="________MAT040101" localSheetId="2">#REF!</definedName>
    <definedName name="________MAT040101">#REF!</definedName>
    <definedName name="________MAT040202" localSheetId="2">#REF!</definedName>
    <definedName name="________MAT040202">#REF!</definedName>
    <definedName name="________MAT050103" localSheetId="2">#REF!</definedName>
    <definedName name="________MAT050103">#REF!</definedName>
    <definedName name="________MAT050207" localSheetId="2">#REF!</definedName>
    <definedName name="________MAT050207">#REF!</definedName>
    <definedName name="________MAT060101" localSheetId="2">#REF!</definedName>
    <definedName name="________MAT060101">#REF!</definedName>
    <definedName name="________MAT080101" localSheetId="2">#REF!</definedName>
    <definedName name="________MAT080101">#REF!</definedName>
    <definedName name="________MAT080310" localSheetId="2">#REF!</definedName>
    <definedName name="________MAT080310">#REF!</definedName>
    <definedName name="________MAT090101" localSheetId="2">#REF!</definedName>
    <definedName name="________MAT090101">#REF!</definedName>
    <definedName name="________MAT100302" localSheetId="2">#REF!</definedName>
    <definedName name="________MAT100302">#REF!</definedName>
    <definedName name="________MAT110101" localSheetId="2">#REF!</definedName>
    <definedName name="________MAT110101">#REF!</definedName>
    <definedName name="________MAT110104" localSheetId="2">#REF!</definedName>
    <definedName name="________MAT110104">#REF!</definedName>
    <definedName name="________MAT110107" localSheetId="2">#REF!</definedName>
    <definedName name="________MAT110107">#REF!</definedName>
    <definedName name="________MAT120101" localSheetId="2">#REF!</definedName>
    <definedName name="________MAT120101">#REF!</definedName>
    <definedName name="________MAT120105" localSheetId="2">#REF!</definedName>
    <definedName name="________MAT120105">#REF!</definedName>
    <definedName name="________MAT120106" localSheetId="2">#REF!</definedName>
    <definedName name="________MAT120106">#REF!</definedName>
    <definedName name="________MAT120107" localSheetId="2">#REF!</definedName>
    <definedName name="________MAT120107">#REF!</definedName>
    <definedName name="________MAT120110" localSheetId="2">#REF!</definedName>
    <definedName name="________MAT120110">#REF!</definedName>
    <definedName name="________MAT120150" localSheetId="2">#REF!</definedName>
    <definedName name="________MAT120150">#REF!</definedName>
    <definedName name="________MAT130101" localSheetId="2">#REF!</definedName>
    <definedName name="________MAT130101">#REF!</definedName>
    <definedName name="________MAT130103" localSheetId="2">#REF!</definedName>
    <definedName name="________MAT130103">#REF!</definedName>
    <definedName name="________MAT130304" localSheetId="2">#REF!</definedName>
    <definedName name="________MAT130304">#REF!</definedName>
    <definedName name="________MAT130401" localSheetId="2">#REF!</definedName>
    <definedName name="________MAT130401">#REF!</definedName>
    <definedName name="________MAT140102" localSheetId="2">#REF!</definedName>
    <definedName name="________MAT140102">#REF!</definedName>
    <definedName name="________MAT140109" localSheetId="2">#REF!</definedName>
    <definedName name="________MAT140109">#REF!</definedName>
    <definedName name="________MAT140113" localSheetId="2">#REF!</definedName>
    <definedName name="________MAT140113">#REF!</definedName>
    <definedName name="________MAT140122" localSheetId="2">#REF!</definedName>
    <definedName name="________MAT140122">#REF!</definedName>
    <definedName name="________MAT140126" localSheetId="2">#REF!</definedName>
    <definedName name="________MAT140126">#REF!</definedName>
    <definedName name="________MAT140129" localSheetId="2">#REF!</definedName>
    <definedName name="________MAT140129">#REF!</definedName>
    <definedName name="________MAT140135" localSheetId="2">#REF!</definedName>
    <definedName name="________MAT140135">#REF!</definedName>
    <definedName name="________MAT140143" localSheetId="2">#REF!</definedName>
    <definedName name="________MAT140143">#REF!</definedName>
    <definedName name="________MAT140145" localSheetId="2">#REF!</definedName>
    <definedName name="________MAT140145">#REF!</definedName>
    <definedName name="________MAT150130" localSheetId="2">#REF!</definedName>
    <definedName name="________MAT150130">#REF!</definedName>
    <definedName name="________MAT170101" localSheetId="2">#REF!</definedName>
    <definedName name="________MAT170101">#REF!</definedName>
    <definedName name="________MAT170102" localSheetId="2">#REF!</definedName>
    <definedName name="________MAT170102">#REF!</definedName>
    <definedName name="________MAT170103" localSheetId="2">#REF!</definedName>
    <definedName name="________MAT170103">#REF!</definedName>
    <definedName name="________PRE010201" localSheetId="2">#REF!</definedName>
    <definedName name="________PRE010201">#REF!</definedName>
    <definedName name="________PRE010202" localSheetId="2">#REF!</definedName>
    <definedName name="________PRE010202">#REF!</definedName>
    <definedName name="________PRE010205" localSheetId="2">#REF!</definedName>
    <definedName name="________PRE010205">#REF!</definedName>
    <definedName name="________PRE010206" localSheetId="2">#REF!</definedName>
    <definedName name="________PRE010206">#REF!</definedName>
    <definedName name="________PRE010210" localSheetId="2">#REF!</definedName>
    <definedName name="________PRE010210">#REF!</definedName>
    <definedName name="________PRE010301" localSheetId="2">#REF!</definedName>
    <definedName name="________PRE010301">#REF!</definedName>
    <definedName name="________PRE010401" localSheetId="2">#REF!</definedName>
    <definedName name="________PRE010401">#REF!</definedName>
    <definedName name="________PRE010402" localSheetId="2">#REF!</definedName>
    <definedName name="________PRE010402">#REF!</definedName>
    <definedName name="________PRE010407" localSheetId="2">#REF!</definedName>
    <definedName name="________PRE010407">#REF!</definedName>
    <definedName name="________PRE010413" localSheetId="2">#REF!</definedName>
    <definedName name="________PRE010413">#REF!</definedName>
    <definedName name="________PRE010501" localSheetId="2">#REF!</definedName>
    <definedName name="________PRE010501">#REF!</definedName>
    <definedName name="________PRE010503" localSheetId="2">#REF!</definedName>
    <definedName name="________PRE010503">#REF!</definedName>
    <definedName name="________PRE010505" localSheetId="2">#REF!</definedName>
    <definedName name="________PRE010505">#REF!</definedName>
    <definedName name="________PRE010509" localSheetId="2">#REF!</definedName>
    <definedName name="________PRE010509">#REF!</definedName>
    <definedName name="________PRE010512" localSheetId="2">#REF!</definedName>
    <definedName name="________PRE010512">#REF!</definedName>
    <definedName name="________PRE010518" localSheetId="2">#REF!</definedName>
    <definedName name="________PRE010518">#REF!</definedName>
    <definedName name="________PRE010519" localSheetId="2">#REF!</definedName>
    <definedName name="________PRE010519">#REF!</definedName>
    <definedName name="________PRE010521" localSheetId="2">#REF!</definedName>
    <definedName name="________PRE010521">#REF!</definedName>
    <definedName name="________PRE010523" localSheetId="2">#REF!</definedName>
    <definedName name="________PRE010523">#REF!</definedName>
    <definedName name="________PRE010532" localSheetId="2">#REF!</definedName>
    <definedName name="________PRE010532">#REF!</definedName>
    <definedName name="________PRE010533" localSheetId="2">#REF!</definedName>
    <definedName name="________PRE010533">#REF!</definedName>
    <definedName name="________PRE010536" localSheetId="2">#REF!</definedName>
    <definedName name="________PRE010536">#REF!</definedName>
    <definedName name="________PRE010701" localSheetId="2">#REF!</definedName>
    <definedName name="________PRE010701">#REF!</definedName>
    <definedName name="________PRE010703" localSheetId="2">#REF!</definedName>
    <definedName name="________PRE010703">#REF!</definedName>
    <definedName name="________PRE010705" localSheetId="2">#REF!</definedName>
    <definedName name="________PRE010705">#REF!</definedName>
    <definedName name="________PRE010708" localSheetId="2">#REF!</definedName>
    <definedName name="________PRE010708">#REF!</definedName>
    <definedName name="________PRE010710" localSheetId="2">#REF!</definedName>
    <definedName name="________PRE010710">#REF!</definedName>
    <definedName name="________PRE010712" localSheetId="2">#REF!</definedName>
    <definedName name="________PRE010712">#REF!</definedName>
    <definedName name="________PRE010717" localSheetId="2">#REF!</definedName>
    <definedName name="________PRE010717">#REF!</definedName>
    <definedName name="________PRE010718" localSheetId="2">#REF!</definedName>
    <definedName name="________PRE010718">#REF!</definedName>
    <definedName name="________PRE020201" localSheetId="2">#REF!</definedName>
    <definedName name="________PRE020201">#REF!</definedName>
    <definedName name="________PRE020205" localSheetId="2">#REF!</definedName>
    <definedName name="________PRE020205">#REF!</definedName>
    <definedName name="________PRE020211" localSheetId="2">#REF!</definedName>
    <definedName name="________PRE020211">#REF!</definedName>
    <definedName name="________PRE020217" localSheetId="2">#REF!</definedName>
    <definedName name="________PRE020217">#REF!</definedName>
    <definedName name="________PRE030102" localSheetId="2">#REF!</definedName>
    <definedName name="________PRE030102">#REF!</definedName>
    <definedName name="________PRE030201" localSheetId="2">#REF!</definedName>
    <definedName name="________PRE030201">#REF!</definedName>
    <definedName name="________PRE030303" localSheetId="2">#REF!</definedName>
    <definedName name="________PRE030303">#REF!</definedName>
    <definedName name="________PRE030317" localSheetId="2">#REF!</definedName>
    <definedName name="________PRE030317">#REF!</definedName>
    <definedName name="________PRE040101" localSheetId="2">#REF!</definedName>
    <definedName name="________PRE040101">#REF!</definedName>
    <definedName name="________PRE040202" localSheetId="2">#REF!</definedName>
    <definedName name="________PRE040202">#REF!</definedName>
    <definedName name="________PRE050103" localSheetId="2">#REF!</definedName>
    <definedName name="________PRE050103">#REF!</definedName>
    <definedName name="________PRE050207" localSheetId="2">#REF!</definedName>
    <definedName name="________PRE050207">#REF!</definedName>
    <definedName name="________PRE060101" localSheetId="2">#REF!</definedName>
    <definedName name="________PRE060101">#REF!</definedName>
    <definedName name="________PRE080101" localSheetId="2">#REF!</definedName>
    <definedName name="________PRE080101">#REF!</definedName>
    <definedName name="________PRE080310" localSheetId="2">#REF!</definedName>
    <definedName name="________PRE080310">#REF!</definedName>
    <definedName name="________PRE090101" localSheetId="2">#REF!</definedName>
    <definedName name="________PRE090101">#REF!</definedName>
    <definedName name="________PRE100302" localSheetId="2">#REF!</definedName>
    <definedName name="________PRE100302">#REF!</definedName>
    <definedName name="________PRE110101" localSheetId="2">#REF!</definedName>
    <definedName name="________PRE110101">#REF!</definedName>
    <definedName name="________PRE110104" localSheetId="2">#REF!</definedName>
    <definedName name="________PRE110104">#REF!</definedName>
    <definedName name="________PRE110107" localSheetId="2">#REF!</definedName>
    <definedName name="________PRE110107">#REF!</definedName>
    <definedName name="________PRE120101" localSheetId="2">#REF!</definedName>
    <definedName name="________PRE120101">#REF!</definedName>
    <definedName name="________PRE120105" localSheetId="2">#REF!</definedName>
    <definedName name="________PRE120105">#REF!</definedName>
    <definedName name="________PRE120106" localSheetId="2">#REF!</definedName>
    <definedName name="________PRE120106">#REF!</definedName>
    <definedName name="________PRE120107" localSheetId="2">#REF!</definedName>
    <definedName name="________PRE120107">#REF!</definedName>
    <definedName name="________PRE120110" localSheetId="2">#REF!</definedName>
    <definedName name="________PRE120110">#REF!</definedName>
    <definedName name="________PRE120150" localSheetId="2">#REF!</definedName>
    <definedName name="________PRE120150">#REF!</definedName>
    <definedName name="________PRE130101" localSheetId="2">#REF!</definedName>
    <definedName name="________PRE130101">#REF!</definedName>
    <definedName name="________PRE130103" localSheetId="2">#REF!</definedName>
    <definedName name="________PRE130103">#REF!</definedName>
    <definedName name="________PRE130304" localSheetId="2">#REF!</definedName>
    <definedName name="________PRE130304">#REF!</definedName>
    <definedName name="________PRE130401" localSheetId="2">#REF!</definedName>
    <definedName name="________PRE130401">#REF!</definedName>
    <definedName name="________PRE140102" localSheetId="2">#REF!</definedName>
    <definedName name="________PRE140102">#REF!</definedName>
    <definedName name="________PRE140109" localSheetId="2">#REF!</definedName>
    <definedName name="________PRE140109">#REF!</definedName>
    <definedName name="________PRE140113" localSheetId="2">#REF!</definedName>
    <definedName name="________PRE140113">#REF!</definedName>
    <definedName name="________PRE140122" localSheetId="2">#REF!</definedName>
    <definedName name="________PRE140122">#REF!</definedName>
    <definedName name="________PRE140126" localSheetId="2">#REF!</definedName>
    <definedName name="________PRE140126">#REF!</definedName>
    <definedName name="________PRE140129" localSheetId="2">#REF!</definedName>
    <definedName name="________PRE140129">#REF!</definedName>
    <definedName name="________PRE140135" localSheetId="2">#REF!</definedName>
    <definedName name="________PRE140135">#REF!</definedName>
    <definedName name="________PRE140143" localSheetId="2">#REF!</definedName>
    <definedName name="________PRE140143">#REF!</definedName>
    <definedName name="________PRE140145" localSheetId="2">#REF!</definedName>
    <definedName name="________PRE140145">#REF!</definedName>
    <definedName name="________PRE150130" localSheetId="2">#REF!</definedName>
    <definedName name="________PRE150130">#REF!</definedName>
    <definedName name="________PRE170101" localSheetId="2">#REF!</definedName>
    <definedName name="________PRE170101">#REF!</definedName>
    <definedName name="________PRE170102" localSheetId="2">#REF!</definedName>
    <definedName name="________PRE170102">#REF!</definedName>
    <definedName name="________PRE170103" localSheetId="2">#REF!</definedName>
    <definedName name="________PRE170103">#REF!</definedName>
    <definedName name="________QUA010201" localSheetId="2">#REF!</definedName>
    <definedName name="________QUA010201">#REF!</definedName>
    <definedName name="________QUA010202" localSheetId="2">#REF!</definedName>
    <definedName name="________QUA010202">#REF!</definedName>
    <definedName name="________QUA010205" localSheetId="2">#REF!</definedName>
    <definedName name="________QUA010205">#REF!</definedName>
    <definedName name="________QUA010206" localSheetId="2">#REF!</definedName>
    <definedName name="________QUA010206">#REF!</definedName>
    <definedName name="________QUA010210" localSheetId="2">#REF!</definedName>
    <definedName name="________QUA010210">#REF!</definedName>
    <definedName name="________QUA010301" localSheetId="2">#REF!</definedName>
    <definedName name="________QUA010301">#REF!</definedName>
    <definedName name="________QUA010401" localSheetId="2">#REF!</definedName>
    <definedName name="________QUA010401">#REF!</definedName>
    <definedName name="________QUA010402" localSheetId="2">#REF!</definedName>
    <definedName name="________QUA010402">#REF!</definedName>
    <definedName name="________QUA010407" localSheetId="2">#REF!</definedName>
    <definedName name="________QUA010407">#REF!</definedName>
    <definedName name="________QUA010413" localSheetId="2">#REF!</definedName>
    <definedName name="________QUA010413">#REF!</definedName>
    <definedName name="________QUA010501" localSheetId="2">#REF!</definedName>
    <definedName name="________QUA010501">#REF!</definedName>
    <definedName name="________QUA010503" localSheetId="2">#REF!</definedName>
    <definedName name="________QUA010503">#REF!</definedName>
    <definedName name="________QUA010505" localSheetId="2">#REF!</definedName>
    <definedName name="________QUA010505">#REF!</definedName>
    <definedName name="________QUA010509" localSheetId="2">#REF!</definedName>
    <definedName name="________QUA010509">#REF!</definedName>
    <definedName name="________QUA010512" localSheetId="2">#REF!</definedName>
    <definedName name="________QUA010512">#REF!</definedName>
    <definedName name="________QUA010518" localSheetId="2">#REF!</definedName>
    <definedName name="________QUA010518">#REF!</definedName>
    <definedName name="________QUA010519" localSheetId="2">#REF!</definedName>
    <definedName name="________QUA010519">#REF!</definedName>
    <definedName name="________QUA010521" localSheetId="2">#REF!</definedName>
    <definedName name="________QUA010521">#REF!</definedName>
    <definedName name="________QUA010523" localSheetId="2">#REF!</definedName>
    <definedName name="________QUA010523">#REF!</definedName>
    <definedName name="________QUA010532" localSheetId="2">#REF!</definedName>
    <definedName name="________QUA010532">#REF!</definedName>
    <definedName name="________QUA010533" localSheetId="2">#REF!</definedName>
    <definedName name="________QUA010533">#REF!</definedName>
    <definedName name="________QUA010536" localSheetId="2">#REF!</definedName>
    <definedName name="________QUA010536">#REF!</definedName>
    <definedName name="________QUA010701" localSheetId="2">#REF!</definedName>
    <definedName name="________QUA010701">#REF!</definedName>
    <definedName name="________QUA010703" localSheetId="2">#REF!</definedName>
    <definedName name="________QUA010703">#REF!</definedName>
    <definedName name="________QUA010705" localSheetId="2">#REF!</definedName>
    <definedName name="________QUA010705">#REF!</definedName>
    <definedName name="________QUA010708" localSheetId="2">#REF!</definedName>
    <definedName name="________QUA010708">#REF!</definedName>
    <definedName name="________QUA010710" localSheetId="2">#REF!</definedName>
    <definedName name="________QUA010710">#REF!</definedName>
    <definedName name="________QUA010712" localSheetId="2">#REF!</definedName>
    <definedName name="________QUA010712">#REF!</definedName>
    <definedName name="________QUA010717" localSheetId="2">#REF!</definedName>
    <definedName name="________QUA010717">#REF!</definedName>
    <definedName name="________QUA010718" localSheetId="2">#REF!</definedName>
    <definedName name="________QUA010718">#REF!</definedName>
    <definedName name="________QUA020201" localSheetId="2">#REF!</definedName>
    <definedName name="________QUA020201">#REF!</definedName>
    <definedName name="________QUA020205" localSheetId="2">#REF!</definedName>
    <definedName name="________QUA020205">#REF!</definedName>
    <definedName name="________QUA020211" localSheetId="2">#REF!</definedName>
    <definedName name="________QUA020211">#REF!</definedName>
    <definedName name="________QUA020217" localSheetId="2">#REF!</definedName>
    <definedName name="________QUA020217">#REF!</definedName>
    <definedName name="________QUA030102" localSheetId="2">#REF!</definedName>
    <definedName name="________QUA030102">#REF!</definedName>
    <definedName name="________QUA030201" localSheetId="2">#REF!</definedName>
    <definedName name="________QUA030201">#REF!</definedName>
    <definedName name="________QUA030303" localSheetId="2">#REF!</definedName>
    <definedName name="________QUA030303">#REF!</definedName>
    <definedName name="________QUA030317" localSheetId="2">#REF!</definedName>
    <definedName name="________QUA030317">#REF!</definedName>
    <definedName name="________QUA040101" localSheetId="2">#REF!</definedName>
    <definedName name="________QUA040101">#REF!</definedName>
    <definedName name="________QUA040202" localSheetId="2">#REF!</definedName>
    <definedName name="________QUA040202">#REF!</definedName>
    <definedName name="________QUA050103" localSheetId="2">#REF!</definedName>
    <definedName name="________QUA050103">#REF!</definedName>
    <definedName name="________QUA050207" localSheetId="2">#REF!</definedName>
    <definedName name="________QUA050207">#REF!</definedName>
    <definedName name="________QUA060101" localSheetId="2">#REF!</definedName>
    <definedName name="________QUA060101">#REF!</definedName>
    <definedName name="________QUA080101" localSheetId="2">#REF!</definedName>
    <definedName name="________QUA080101">#REF!</definedName>
    <definedName name="________QUA080310" localSheetId="2">#REF!</definedName>
    <definedName name="________QUA080310">#REF!</definedName>
    <definedName name="________QUA090101" localSheetId="2">#REF!</definedName>
    <definedName name="________QUA090101">#REF!</definedName>
    <definedName name="________QUA100302" localSheetId="2">#REF!</definedName>
    <definedName name="________QUA100302">#REF!</definedName>
    <definedName name="________QUA110101" localSheetId="2">#REF!</definedName>
    <definedName name="________QUA110101">#REF!</definedName>
    <definedName name="________QUA110104" localSheetId="2">#REF!</definedName>
    <definedName name="________QUA110104">#REF!</definedName>
    <definedName name="________QUA110107" localSheetId="2">#REF!</definedName>
    <definedName name="________QUA110107">#REF!</definedName>
    <definedName name="________QUA120101" localSheetId="2">#REF!</definedName>
    <definedName name="________QUA120101">#REF!</definedName>
    <definedName name="________QUA120105" localSheetId="2">#REF!</definedName>
    <definedName name="________QUA120105">#REF!</definedName>
    <definedName name="________QUA120106" localSheetId="2">#REF!</definedName>
    <definedName name="________QUA120106">#REF!</definedName>
    <definedName name="________QUA120107" localSheetId="2">#REF!</definedName>
    <definedName name="________QUA120107">#REF!</definedName>
    <definedName name="________QUA120110" localSheetId="2">#REF!</definedName>
    <definedName name="________QUA120110">#REF!</definedName>
    <definedName name="________QUA120150" localSheetId="2">#REF!</definedName>
    <definedName name="________QUA120150">#REF!</definedName>
    <definedName name="________QUA130101" localSheetId="2">#REF!</definedName>
    <definedName name="________QUA130101">#REF!</definedName>
    <definedName name="________QUA130103" localSheetId="2">#REF!</definedName>
    <definedName name="________QUA130103">#REF!</definedName>
    <definedName name="________QUA130304" localSheetId="2">#REF!</definedName>
    <definedName name="________QUA130304">#REF!</definedName>
    <definedName name="________QUA130401" localSheetId="2">#REF!</definedName>
    <definedName name="________QUA130401">#REF!</definedName>
    <definedName name="________QUA140102" localSheetId="2">#REF!</definedName>
    <definedName name="________QUA140102">#REF!</definedName>
    <definedName name="________QUA140109" localSheetId="2">#REF!</definedName>
    <definedName name="________QUA140109">#REF!</definedName>
    <definedName name="________QUA140113" localSheetId="2">#REF!</definedName>
    <definedName name="________QUA140113">#REF!</definedName>
    <definedName name="________QUA140122" localSheetId="2">#REF!</definedName>
    <definedName name="________QUA140122">#REF!</definedName>
    <definedName name="________QUA140126" localSheetId="2">#REF!</definedName>
    <definedName name="________QUA140126">#REF!</definedName>
    <definedName name="________QUA140129" localSheetId="2">#REF!</definedName>
    <definedName name="________QUA140129">#REF!</definedName>
    <definedName name="________QUA140135" localSheetId="2">#REF!</definedName>
    <definedName name="________QUA140135">#REF!</definedName>
    <definedName name="________QUA140143" localSheetId="2">#REF!</definedName>
    <definedName name="________QUA140143">#REF!</definedName>
    <definedName name="________QUA140145" localSheetId="2">#REF!</definedName>
    <definedName name="________QUA140145">#REF!</definedName>
    <definedName name="________QUA150130" localSheetId="2">#REF!</definedName>
    <definedName name="________QUA150130">#REF!</definedName>
    <definedName name="________QUA170101" localSheetId="2">#REF!</definedName>
    <definedName name="________QUA170101">#REF!</definedName>
    <definedName name="________QUA170102" localSheetId="2">#REF!</definedName>
    <definedName name="________QUA170102">#REF!</definedName>
    <definedName name="________QUA170103" localSheetId="2">#REF!</definedName>
    <definedName name="________QUA170103">#REF!</definedName>
    <definedName name="________R" localSheetId="2">#REF!</definedName>
    <definedName name="________R">#REF!</definedName>
    <definedName name="________REC11100" localSheetId="2">#REF!</definedName>
    <definedName name="________REC11100">#REF!</definedName>
    <definedName name="________REC11110" localSheetId="2">#REF!</definedName>
    <definedName name="________REC11110">#REF!</definedName>
    <definedName name="________REC11115" localSheetId="2">#REF!</definedName>
    <definedName name="________REC11115">#REF!</definedName>
    <definedName name="________REC11125" localSheetId="2">#REF!</definedName>
    <definedName name="________REC11125">#REF!</definedName>
    <definedName name="________REC11130" localSheetId="2">#REF!</definedName>
    <definedName name="________REC11130">#REF!</definedName>
    <definedName name="________REC11135" localSheetId="2">#REF!</definedName>
    <definedName name="________REC11135">#REF!</definedName>
    <definedName name="________REC11145" localSheetId="2">#REF!</definedName>
    <definedName name="________REC11145">#REF!</definedName>
    <definedName name="________REC11150" localSheetId="2">#REF!</definedName>
    <definedName name="________REC11150">#REF!</definedName>
    <definedName name="________REC11165" localSheetId="2">#REF!</definedName>
    <definedName name="________REC11165">#REF!</definedName>
    <definedName name="________REC11170" localSheetId="2">#REF!</definedName>
    <definedName name="________REC11170">#REF!</definedName>
    <definedName name="________REC11180" localSheetId="2">#REF!</definedName>
    <definedName name="________REC11180">#REF!</definedName>
    <definedName name="________REC11185" localSheetId="2">#REF!</definedName>
    <definedName name="________REC11185">#REF!</definedName>
    <definedName name="________REC11220" localSheetId="2">#REF!</definedName>
    <definedName name="________REC11220">#REF!</definedName>
    <definedName name="________REC12105" localSheetId="2">#REF!</definedName>
    <definedName name="________REC12105">#REF!</definedName>
    <definedName name="________REC12555" localSheetId="2">#REF!</definedName>
    <definedName name="________REC12555">#REF!</definedName>
    <definedName name="________REC12570" localSheetId="2">#REF!</definedName>
    <definedName name="________REC12570">#REF!</definedName>
    <definedName name="________REC12575" localSheetId="2">#REF!</definedName>
    <definedName name="________REC12575">#REF!</definedName>
    <definedName name="________REC12580" localSheetId="2">#REF!</definedName>
    <definedName name="________REC12580">#REF!</definedName>
    <definedName name="________REC12600" localSheetId="2">#REF!</definedName>
    <definedName name="________REC12600">#REF!</definedName>
    <definedName name="________REC12610" localSheetId="2">#REF!</definedName>
    <definedName name="________REC12610">#REF!</definedName>
    <definedName name="________REC12630" localSheetId="2">#REF!</definedName>
    <definedName name="________REC12630">#REF!</definedName>
    <definedName name="________REC12631" localSheetId="2">#REF!</definedName>
    <definedName name="________REC12631">#REF!</definedName>
    <definedName name="________REC12640" localSheetId="2">#REF!</definedName>
    <definedName name="________REC12640">#REF!</definedName>
    <definedName name="________REC12645" localSheetId="2">#REF!</definedName>
    <definedName name="________REC12645">#REF!</definedName>
    <definedName name="________REC12665" localSheetId="2">#REF!</definedName>
    <definedName name="________REC12665">#REF!</definedName>
    <definedName name="________REC12690" localSheetId="2">#REF!</definedName>
    <definedName name="________REC12690">#REF!</definedName>
    <definedName name="________REC12700" localSheetId="2">#REF!</definedName>
    <definedName name="________REC12700">#REF!</definedName>
    <definedName name="________REC12710" localSheetId="2">#REF!</definedName>
    <definedName name="________REC12710">#REF!</definedName>
    <definedName name="________REC13111" localSheetId="2">#REF!</definedName>
    <definedName name="________REC13111">#REF!</definedName>
    <definedName name="________REC13112" localSheetId="2">#REF!</definedName>
    <definedName name="________REC13112">#REF!</definedName>
    <definedName name="________REC13121" localSheetId="2">#REF!</definedName>
    <definedName name="________REC13121">#REF!</definedName>
    <definedName name="________REC13720" localSheetId="2">#REF!</definedName>
    <definedName name="________REC13720">#REF!</definedName>
    <definedName name="________REC14100" localSheetId="2">#REF!</definedName>
    <definedName name="________REC14100">#REF!</definedName>
    <definedName name="________REC14161" localSheetId="2">#REF!</definedName>
    <definedName name="________REC14161">#REF!</definedName>
    <definedName name="________REC14195" localSheetId="2">#REF!</definedName>
    <definedName name="________REC14195">#REF!</definedName>
    <definedName name="________REC14205" localSheetId="2">#REF!</definedName>
    <definedName name="________REC14205">#REF!</definedName>
    <definedName name="________REC14260" localSheetId="2">#REF!</definedName>
    <definedName name="________REC14260">#REF!</definedName>
    <definedName name="________REC14500" localSheetId="2">#REF!</definedName>
    <definedName name="________REC14500">#REF!</definedName>
    <definedName name="________REC14515" localSheetId="2">#REF!</definedName>
    <definedName name="________REC14515">#REF!</definedName>
    <definedName name="________REC14555" localSheetId="2">#REF!</definedName>
    <definedName name="________REC14555">#REF!</definedName>
    <definedName name="________REC14565" localSheetId="2">#REF!</definedName>
    <definedName name="________REC14565">#REF!</definedName>
    <definedName name="________REC15135" localSheetId="2">#REF!</definedName>
    <definedName name="________REC15135">#REF!</definedName>
    <definedName name="________REC15140" localSheetId="2">#REF!</definedName>
    <definedName name="________REC15140">#REF!</definedName>
    <definedName name="________REC15195" localSheetId="2">#REF!</definedName>
    <definedName name="________REC15195">#REF!</definedName>
    <definedName name="________REC15225" localSheetId="2">#REF!</definedName>
    <definedName name="________REC15225">#REF!</definedName>
    <definedName name="________REC15230" localSheetId="2">#REF!</definedName>
    <definedName name="________REC15230">#REF!</definedName>
    <definedName name="________REC15515" localSheetId="2">#REF!</definedName>
    <definedName name="________REC15515">#REF!</definedName>
    <definedName name="________REC15560" localSheetId="2">#REF!</definedName>
    <definedName name="________REC15560">#REF!</definedName>
    <definedName name="________REC15565" localSheetId="2">#REF!</definedName>
    <definedName name="________REC15565">#REF!</definedName>
    <definedName name="________REC15570" localSheetId="2">#REF!</definedName>
    <definedName name="________REC15570">#REF!</definedName>
    <definedName name="________REC15575" localSheetId="2">#REF!</definedName>
    <definedName name="________REC15575">#REF!</definedName>
    <definedName name="________REC15583" localSheetId="2">#REF!</definedName>
    <definedName name="________REC15583">#REF!</definedName>
    <definedName name="________REC15590" localSheetId="2">#REF!</definedName>
    <definedName name="________REC15590">#REF!</definedName>
    <definedName name="________REC15591" localSheetId="2">#REF!</definedName>
    <definedName name="________REC15591">#REF!</definedName>
    <definedName name="________REC15610" localSheetId="2">#REF!</definedName>
    <definedName name="________REC15610">#REF!</definedName>
    <definedName name="________REC15625" localSheetId="2">#REF!</definedName>
    <definedName name="________REC15625">#REF!</definedName>
    <definedName name="________REC15635" localSheetId="2">#REF!</definedName>
    <definedName name="________REC15635">#REF!</definedName>
    <definedName name="________REC15655" localSheetId="2">#REF!</definedName>
    <definedName name="________REC15655">#REF!</definedName>
    <definedName name="________REC15665" localSheetId="2">#REF!</definedName>
    <definedName name="________REC15665">#REF!</definedName>
    <definedName name="________REC16515" localSheetId="2">#REF!</definedName>
    <definedName name="________REC16515">#REF!</definedName>
    <definedName name="________REC16535" localSheetId="2">#REF!</definedName>
    <definedName name="________REC16535">#REF!</definedName>
    <definedName name="________REC17140" localSheetId="2">#REF!</definedName>
    <definedName name="________REC17140">#REF!</definedName>
    <definedName name="________REC19500" localSheetId="2">#REF!</definedName>
    <definedName name="________REC19500">#REF!</definedName>
    <definedName name="________REC19501" localSheetId="2">#REF!</definedName>
    <definedName name="________REC19501">#REF!</definedName>
    <definedName name="________REC19502" localSheetId="2">#REF!</definedName>
    <definedName name="________REC19502">#REF!</definedName>
    <definedName name="________REC19503" localSheetId="2">#REF!</definedName>
    <definedName name="________REC19503">#REF!</definedName>
    <definedName name="________REC19504" localSheetId="2">#REF!</definedName>
    <definedName name="________REC19504">#REF!</definedName>
    <definedName name="________REC19505" localSheetId="2">#REF!</definedName>
    <definedName name="________REC19505">#REF!</definedName>
    <definedName name="________REC20100" localSheetId="2">#REF!</definedName>
    <definedName name="________REC20100">#REF!</definedName>
    <definedName name="________REC20105" localSheetId="2">#REF!</definedName>
    <definedName name="________REC20105">#REF!</definedName>
    <definedName name="________REC20110" localSheetId="2">#REF!</definedName>
    <definedName name="________REC20110">#REF!</definedName>
    <definedName name="________REC20115" localSheetId="2">#REF!</definedName>
    <definedName name="________REC20115">#REF!</definedName>
    <definedName name="________REC20130" localSheetId="2">#REF!</definedName>
    <definedName name="________REC20130">#REF!</definedName>
    <definedName name="________REC20135" localSheetId="2">#REF!</definedName>
    <definedName name="________REC20135">#REF!</definedName>
    <definedName name="________REC20140" localSheetId="2">#REF!</definedName>
    <definedName name="________REC20140">#REF!</definedName>
    <definedName name="________REC20145" localSheetId="2">#REF!</definedName>
    <definedName name="________REC20145">#REF!</definedName>
    <definedName name="________REC20150" localSheetId="2">#REF!</definedName>
    <definedName name="________REC20150">#REF!</definedName>
    <definedName name="________REC20155" localSheetId="2">#REF!</definedName>
    <definedName name="________REC20155">#REF!</definedName>
    <definedName name="________REC20175" localSheetId="2">#REF!</definedName>
    <definedName name="________REC20175">#REF!</definedName>
    <definedName name="________REC20185" localSheetId="2">#REF!</definedName>
    <definedName name="________REC20185">#REF!</definedName>
    <definedName name="________REC20190" localSheetId="2">#REF!</definedName>
    <definedName name="________REC20190">#REF!</definedName>
    <definedName name="________REC20195" localSheetId="2">#REF!</definedName>
    <definedName name="________REC20195">#REF!</definedName>
    <definedName name="________REC20210" localSheetId="2">#REF!</definedName>
    <definedName name="________REC20210">#REF!</definedName>
    <definedName name="________RET1">[1]Regula!$J$36</definedName>
    <definedName name="________svi2" localSheetId="2">#REF!</definedName>
    <definedName name="________svi2">#REF!</definedName>
    <definedName name="________TT102" localSheetId="2">'[2]Relatório-1ª med.'!#REF!</definedName>
    <definedName name="________TT102">'[2]Relatório-1ª med.'!#REF!</definedName>
    <definedName name="________TT107" localSheetId="2">'[2]Relatório-1ª med.'!#REF!</definedName>
    <definedName name="________TT107">'[2]Relatório-1ª med.'!#REF!</definedName>
    <definedName name="________TT121" localSheetId="2">'[2]Relatório-1ª med.'!#REF!</definedName>
    <definedName name="________TT121">'[2]Relatório-1ª med.'!#REF!</definedName>
    <definedName name="________TT123" localSheetId="2">'[2]Relatório-1ª med.'!#REF!</definedName>
    <definedName name="________TT123">'[2]Relatório-1ª med.'!#REF!</definedName>
    <definedName name="________TT19" localSheetId="2">'[2]Relatório-1ª med.'!#REF!</definedName>
    <definedName name="________TT19">'[2]Relatório-1ª med.'!#REF!</definedName>
    <definedName name="________TT20" localSheetId="2">'[2]Relatório-1ª med.'!#REF!</definedName>
    <definedName name="________TT20">'[2]Relatório-1ª med.'!#REF!</definedName>
    <definedName name="________TT21" localSheetId="2">'[2]Relatório-1ª med.'!#REF!</definedName>
    <definedName name="________TT21">'[2]Relatório-1ª med.'!#REF!</definedName>
    <definedName name="________TT22" localSheetId="2">'[2]Relatório-1ª med.'!#REF!</definedName>
    <definedName name="________TT22">'[2]Relatório-1ª med.'!#REF!</definedName>
    <definedName name="________TT26" localSheetId="2">'[2]Relatório-1ª med.'!#REF!</definedName>
    <definedName name="________TT26">'[2]Relatório-1ª med.'!#REF!</definedName>
    <definedName name="________TT27" localSheetId="2">'[2]Relatório-1ª med.'!#REF!</definedName>
    <definedName name="________TT27">'[2]Relatório-1ª med.'!#REF!</definedName>
    <definedName name="________TT28" localSheetId="2">'[2]Relatório-1ª med.'!#REF!</definedName>
    <definedName name="________TT28">'[2]Relatório-1ª med.'!#REF!</definedName>
    <definedName name="________TT30" localSheetId="2">'[2]Relatório-1ª med.'!#REF!</definedName>
    <definedName name="________TT30">'[2]Relatório-1ª med.'!#REF!</definedName>
    <definedName name="________TT31" localSheetId="2">'[2]Relatório-1ª med.'!#REF!</definedName>
    <definedName name="________TT31">'[2]Relatório-1ª med.'!#REF!</definedName>
    <definedName name="________TT32" localSheetId="2">'[2]Relatório-1ª med.'!#REF!</definedName>
    <definedName name="________TT32">'[2]Relatório-1ª med.'!#REF!</definedName>
    <definedName name="________TT33" localSheetId="2">'[2]Relatório-1ª med.'!#REF!</definedName>
    <definedName name="________TT33">'[2]Relatório-1ª med.'!#REF!</definedName>
    <definedName name="________TT34" localSheetId="2">'[2]Relatório-1ª med.'!#REF!</definedName>
    <definedName name="________TT34">'[2]Relatório-1ª med.'!#REF!</definedName>
    <definedName name="________TT36" localSheetId="2">'[2]Relatório-1ª med.'!#REF!</definedName>
    <definedName name="________TT36">'[2]Relatório-1ª med.'!#REF!</definedName>
    <definedName name="________TT37" localSheetId="2">'[2]Relatório-1ª med.'!#REF!</definedName>
    <definedName name="________TT37">'[2]Relatório-1ª med.'!#REF!</definedName>
    <definedName name="________TT38" localSheetId="2">'[2]Relatório-1ª med.'!#REF!</definedName>
    <definedName name="________TT38">'[2]Relatório-1ª med.'!#REF!</definedName>
    <definedName name="________TT39" localSheetId="2">'[2]Relatório-1ª med.'!#REF!</definedName>
    <definedName name="________TT39">'[2]Relatório-1ª med.'!#REF!</definedName>
    <definedName name="________TT40" localSheetId="2">'[2]Relatório-1ª med.'!#REF!</definedName>
    <definedName name="________TT40">'[2]Relatório-1ª med.'!#REF!</definedName>
    <definedName name="________TT5" localSheetId="2">'[2]Relatório-1ª med.'!#REF!</definedName>
    <definedName name="________TT5">'[2]Relatório-1ª med.'!#REF!</definedName>
    <definedName name="________TT52" localSheetId="2">'[2]Relatório-1ª med.'!#REF!</definedName>
    <definedName name="________TT52">'[2]Relatório-1ª med.'!#REF!</definedName>
    <definedName name="________TT53" localSheetId="2">'[2]Relatório-1ª med.'!#REF!</definedName>
    <definedName name="________TT53">'[2]Relatório-1ª med.'!#REF!</definedName>
    <definedName name="________TT54" localSheetId="2">'[2]Relatório-1ª med.'!#REF!</definedName>
    <definedName name="________TT54">'[2]Relatório-1ª med.'!#REF!</definedName>
    <definedName name="________TT55" localSheetId="2">'[2]Relatório-1ª med.'!#REF!</definedName>
    <definedName name="________TT55">'[2]Relatório-1ª med.'!#REF!</definedName>
    <definedName name="________TT6" localSheetId="2">'[2]Relatório-1ª med.'!#REF!</definedName>
    <definedName name="________TT6">'[2]Relatório-1ª med.'!#REF!</definedName>
    <definedName name="________TT60" localSheetId="2">'[2]Relatório-1ª med.'!#REF!</definedName>
    <definedName name="________TT60">'[2]Relatório-1ª med.'!#REF!</definedName>
    <definedName name="________TT61" localSheetId="2">'[2]Relatório-1ª med.'!#REF!</definedName>
    <definedName name="________TT61">'[2]Relatório-1ª med.'!#REF!</definedName>
    <definedName name="________TT69" localSheetId="2">'[2]Relatório-1ª med.'!#REF!</definedName>
    <definedName name="________TT69">'[2]Relatório-1ª med.'!#REF!</definedName>
    <definedName name="________TT7" localSheetId="2">'[2]Relatório-1ª med.'!#REF!</definedName>
    <definedName name="________TT7">'[2]Relatório-1ª med.'!#REF!</definedName>
    <definedName name="________TT70" localSheetId="2">'[2]Relatório-1ª med.'!#REF!</definedName>
    <definedName name="________TT70">'[2]Relatório-1ª med.'!#REF!</definedName>
    <definedName name="________TT71" localSheetId="2">'[2]Relatório-1ª med.'!#REF!</definedName>
    <definedName name="________TT71">'[2]Relatório-1ª med.'!#REF!</definedName>
    <definedName name="________TT74" localSheetId="2">'[2]Relatório-1ª med.'!#REF!</definedName>
    <definedName name="________TT74">'[2]Relatório-1ª med.'!#REF!</definedName>
    <definedName name="________TT75" localSheetId="2">'[2]Relatório-1ª med.'!#REF!</definedName>
    <definedName name="________TT75">'[2]Relatório-1ª med.'!#REF!</definedName>
    <definedName name="________TT76" localSheetId="2">'[2]Relatório-1ª med.'!#REF!</definedName>
    <definedName name="________TT76">'[2]Relatório-1ª med.'!#REF!</definedName>
    <definedName name="________TT77" localSheetId="2">'[2]Relatório-1ª med.'!#REF!</definedName>
    <definedName name="________TT77">'[2]Relatório-1ª med.'!#REF!</definedName>
    <definedName name="________TT78" localSheetId="2">'[2]Relatório-1ª med.'!#REF!</definedName>
    <definedName name="________TT78">'[2]Relatório-1ª med.'!#REF!</definedName>
    <definedName name="________TT79" localSheetId="2">'[2]Relatório-1ª med.'!#REF!</definedName>
    <definedName name="________TT79">'[2]Relatório-1ª med.'!#REF!</definedName>
    <definedName name="________TT94" localSheetId="2">'[2]Relatório-1ª med.'!#REF!</definedName>
    <definedName name="________TT94">'[2]Relatório-1ª med.'!#REF!</definedName>
    <definedName name="________TT95" localSheetId="2">'[2]Relatório-1ª med.'!#REF!</definedName>
    <definedName name="________TT95">'[2]Relatório-1ª med.'!#REF!</definedName>
    <definedName name="________TT97" localSheetId="2">'[2]Relatório-1ª med.'!#REF!</definedName>
    <definedName name="________TT97">'[2]Relatório-1ª med.'!#REF!</definedName>
    <definedName name="________UNI11100" localSheetId="2">#REF!</definedName>
    <definedName name="________UNI11100">#REF!</definedName>
    <definedName name="________UNI11110" localSheetId="2">#REF!</definedName>
    <definedName name="________UNI11110">#REF!</definedName>
    <definedName name="________UNI11115" localSheetId="2">#REF!</definedName>
    <definedName name="________UNI11115">#REF!</definedName>
    <definedName name="________UNI11125" localSheetId="2">#REF!</definedName>
    <definedName name="________UNI11125">#REF!</definedName>
    <definedName name="________UNI11130" localSheetId="2">#REF!</definedName>
    <definedName name="________UNI11130">#REF!</definedName>
    <definedName name="________UNI11135" localSheetId="2">#REF!</definedName>
    <definedName name="________UNI11135">#REF!</definedName>
    <definedName name="________UNI11145" localSheetId="2">#REF!</definedName>
    <definedName name="________UNI11145">#REF!</definedName>
    <definedName name="________UNI11150" localSheetId="2">#REF!</definedName>
    <definedName name="________UNI11150">#REF!</definedName>
    <definedName name="________UNI11165" localSheetId="2">#REF!</definedName>
    <definedName name="________UNI11165">#REF!</definedName>
    <definedName name="________UNI11170" localSheetId="2">#REF!</definedName>
    <definedName name="________UNI11170">#REF!</definedName>
    <definedName name="________UNI11180" localSheetId="2">#REF!</definedName>
    <definedName name="________UNI11180">#REF!</definedName>
    <definedName name="________UNI11185" localSheetId="2">#REF!</definedName>
    <definedName name="________UNI11185">#REF!</definedName>
    <definedName name="________UNI11220" localSheetId="2">#REF!</definedName>
    <definedName name="________UNI11220">#REF!</definedName>
    <definedName name="________UNI12105" localSheetId="2">#REF!</definedName>
    <definedName name="________UNI12105">#REF!</definedName>
    <definedName name="________UNI12555" localSheetId="2">#REF!</definedName>
    <definedName name="________UNI12555">#REF!</definedName>
    <definedName name="________UNI12570" localSheetId="2">#REF!</definedName>
    <definedName name="________UNI12570">#REF!</definedName>
    <definedName name="________UNI12575" localSheetId="2">#REF!</definedName>
    <definedName name="________UNI12575">#REF!</definedName>
    <definedName name="________UNI12580" localSheetId="2">#REF!</definedName>
    <definedName name="________UNI12580">#REF!</definedName>
    <definedName name="________UNI12600" localSheetId="2">#REF!</definedName>
    <definedName name="________UNI12600">#REF!</definedName>
    <definedName name="________UNI12610" localSheetId="2">#REF!</definedName>
    <definedName name="________UNI12610">#REF!</definedName>
    <definedName name="________UNI12630" localSheetId="2">#REF!</definedName>
    <definedName name="________UNI12630">#REF!</definedName>
    <definedName name="________UNI12631" localSheetId="2">#REF!</definedName>
    <definedName name="________UNI12631">#REF!</definedName>
    <definedName name="________UNI12640" localSheetId="2">#REF!</definedName>
    <definedName name="________UNI12640">#REF!</definedName>
    <definedName name="________UNI12645" localSheetId="2">#REF!</definedName>
    <definedName name="________UNI12645">#REF!</definedName>
    <definedName name="________UNI12665" localSheetId="2">#REF!</definedName>
    <definedName name="________UNI12665">#REF!</definedName>
    <definedName name="________UNI12690" localSheetId="2">#REF!</definedName>
    <definedName name="________UNI12690">#REF!</definedName>
    <definedName name="________UNI12700" localSheetId="2">#REF!</definedName>
    <definedName name="________UNI12700">#REF!</definedName>
    <definedName name="________UNI12710" localSheetId="2">#REF!</definedName>
    <definedName name="________UNI12710">#REF!</definedName>
    <definedName name="________UNI13111" localSheetId="2">#REF!</definedName>
    <definedName name="________UNI13111">#REF!</definedName>
    <definedName name="________UNI13112" localSheetId="2">#REF!</definedName>
    <definedName name="________UNI13112">#REF!</definedName>
    <definedName name="________UNI13121" localSheetId="2">#REF!</definedName>
    <definedName name="________UNI13121">#REF!</definedName>
    <definedName name="________UNI13720" localSheetId="2">#REF!</definedName>
    <definedName name="________UNI13720">#REF!</definedName>
    <definedName name="________UNI14100" localSheetId="2">#REF!</definedName>
    <definedName name="________UNI14100">#REF!</definedName>
    <definedName name="________UNI14161" localSheetId="2">#REF!</definedName>
    <definedName name="________UNI14161">#REF!</definedName>
    <definedName name="________UNI14195" localSheetId="2">#REF!</definedName>
    <definedName name="________UNI14195">#REF!</definedName>
    <definedName name="________UNI14205" localSheetId="2">#REF!</definedName>
    <definedName name="________UNI14205">#REF!</definedName>
    <definedName name="________UNI14260" localSheetId="2">#REF!</definedName>
    <definedName name="________UNI14260">#REF!</definedName>
    <definedName name="________UNI14500" localSheetId="2">#REF!</definedName>
    <definedName name="________UNI14500">#REF!</definedName>
    <definedName name="________UNI14515" localSheetId="2">#REF!</definedName>
    <definedName name="________UNI14515">#REF!</definedName>
    <definedName name="________UNI14555" localSheetId="2">#REF!</definedName>
    <definedName name="________UNI14555">#REF!</definedName>
    <definedName name="________UNI14565" localSheetId="2">#REF!</definedName>
    <definedName name="________UNI14565">#REF!</definedName>
    <definedName name="________UNI15135" localSheetId="2">#REF!</definedName>
    <definedName name="________UNI15135">#REF!</definedName>
    <definedName name="________UNI15140" localSheetId="2">#REF!</definedName>
    <definedName name="________UNI15140">#REF!</definedName>
    <definedName name="________UNI15195" localSheetId="2">#REF!</definedName>
    <definedName name="________UNI15195">#REF!</definedName>
    <definedName name="________UNI15225" localSheetId="2">#REF!</definedName>
    <definedName name="________UNI15225">#REF!</definedName>
    <definedName name="________UNI15230" localSheetId="2">#REF!</definedName>
    <definedName name="________UNI15230">#REF!</definedName>
    <definedName name="________UNI15515" localSheetId="2">#REF!</definedName>
    <definedName name="________UNI15515">#REF!</definedName>
    <definedName name="________UNI15560" localSheetId="2">#REF!</definedName>
    <definedName name="________UNI15560">#REF!</definedName>
    <definedName name="________UNI15565" localSheetId="2">#REF!</definedName>
    <definedName name="________UNI15565">#REF!</definedName>
    <definedName name="________UNI15570" localSheetId="2">#REF!</definedName>
    <definedName name="________UNI15570">#REF!</definedName>
    <definedName name="________UNI15575" localSheetId="2">#REF!</definedName>
    <definedName name="________UNI15575">#REF!</definedName>
    <definedName name="________UNI15583" localSheetId="2">#REF!</definedName>
    <definedName name="________UNI15583">#REF!</definedName>
    <definedName name="________UNI15590" localSheetId="2">#REF!</definedName>
    <definedName name="________UNI15590">#REF!</definedName>
    <definedName name="________UNI15591" localSheetId="2">#REF!</definedName>
    <definedName name="________UNI15591">#REF!</definedName>
    <definedName name="________UNI15610" localSheetId="2">#REF!</definedName>
    <definedName name="________UNI15610">#REF!</definedName>
    <definedName name="________UNI15625" localSheetId="2">#REF!</definedName>
    <definedName name="________UNI15625">#REF!</definedName>
    <definedName name="________UNI15635" localSheetId="2">#REF!</definedName>
    <definedName name="________UNI15635">#REF!</definedName>
    <definedName name="________UNI15655" localSheetId="2">#REF!</definedName>
    <definedName name="________UNI15655">#REF!</definedName>
    <definedName name="________UNI15665" localSheetId="2">#REF!</definedName>
    <definedName name="________UNI15665">#REF!</definedName>
    <definedName name="________UNI16515" localSheetId="2">#REF!</definedName>
    <definedName name="________UNI16515">#REF!</definedName>
    <definedName name="________UNI16535" localSheetId="2">#REF!</definedName>
    <definedName name="________UNI16535">#REF!</definedName>
    <definedName name="________UNI17140" localSheetId="2">#REF!</definedName>
    <definedName name="________UNI17140">#REF!</definedName>
    <definedName name="________UNI19500" localSheetId="2">#REF!</definedName>
    <definedName name="________UNI19500">#REF!</definedName>
    <definedName name="________UNI19501" localSheetId="2">#REF!</definedName>
    <definedName name="________UNI19501">#REF!</definedName>
    <definedName name="________UNI19502" localSheetId="2">#REF!</definedName>
    <definedName name="________UNI19502">#REF!</definedName>
    <definedName name="________UNI19503" localSheetId="2">#REF!</definedName>
    <definedName name="________UNI19503">#REF!</definedName>
    <definedName name="________UNI19504" localSheetId="2">#REF!</definedName>
    <definedName name="________UNI19504">#REF!</definedName>
    <definedName name="________UNI19505" localSheetId="2">#REF!</definedName>
    <definedName name="________UNI19505">#REF!</definedName>
    <definedName name="________UNI20100" localSheetId="2">#REF!</definedName>
    <definedName name="________UNI20100">#REF!</definedName>
    <definedName name="________UNI20105" localSheetId="2">#REF!</definedName>
    <definedName name="________UNI20105">#REF!</definedName>
    <definedName name="________UNI20110" localSheetId="2">#REF!</definedName>
    <definedName name="________UNI20110">#REF!</definedName>
    <definedName name="________UNI20115" localSheetId="2">#REF!</definedName>
    <definedName name="________UNI20115">#REF!</definedName>
    <definedName name="________UNI20130" localSheetId="2">#REF!</definedName>
    <definedName name="________UNI20130">#REF!</definedName>
    <definedName name="________UNI20135" localSheetId="2">#REF!</definedName>
    <definedName name="________UNI20135">#REF!</definedName>
    <definedName name="________UNI20140" localSheetId="2">#REF!</definedName>
    <definedName name="________UNI20140">#REF!</definedName>
    <definedName name="________UNI20145" localSheetId="2">#REF!</definedName>
    <definedName name="________UNI20145">#REF!</definedName>
    <definedName name="________UNI20150" localSheetId="2">#REF!</definedName>
    <definedName name="________UNI20150">#REF!</definedName>
    <definedName name="________UNI20155" localSheetId="2">#REF!</definedName>
    <definedName name="________UNI20155">#REF!</definedName>
    <definedName name="________UNI20175" localSheetId="2">#REF!</definedName>
    <definedName name="________UNI20175">#REF!</definedName>
    <definedName name="________UNI20185" localSheetId="2">#REF!</definedName>
    <definedName name="________UNI20185">#REF!</definedName>
    <definedName name="________UNI20190" localSheetId="2">#REF!</definedName>
    <definedName name="________UNI20190">#REF!</definedName>
    <definedName name="________UNI20195" localSheetId="2">#REF!</definedName>
    <definedName name="________UNI20195">#REF!</definedName>
    <definedName name="________UNI20210" localSheetId="2">#REF!</definedName>
    <definedName name="________UNI20210">#REF!</definedName>
    <definedName name="________VAL11100" localSheetId="2">#REF!</definedName>
    <definedName name="________VAL11100">#REF!</definedName>
    <definedName name="________VAL11110" localSheetId="2">#REF!</definedName>
    <definedName name="________VAL11110">#REF!</definedName>
    <definedName name="________VAL11115" localSheetId="2">#REF!</definedName>
    <definedName name="________VAL11115">#REF!</definedName>
    <definedName name="________VAL11125" localSheetId="2">#REF!</definedName>
    <definedName name="________VAL11125">#REF!</definedName>
    <definedName name="________VAL11130" localSheetId="2">#REF!</definedName>
    <definedName name="________VAL11130">#REF!</definedName>
    <definedName name="________VAL11135" localSheetId="2">#REF!</definedName>
    <definedName name="________VAL11135">#REF!</definedName>
    <definedName name="________VAL11145" localSheetId="2">#REF!</definedName>
    <definedName name="________VAL11145">#REF!</definedName>
    <definedName name="________VAL11150" localSheetId="2">#REF!</definedName>
    <definedName name="________VAL11150">#REF!</definedName>
    <definedName name="________VAL11165" localSheetId="2">#REF!</definedName>
    <definedName name="________VAL11165">#REF!</definedName>
    <definedName name="________VAL11170" localSheetId="2">#REF!</definedName>
    <definedName name="________VAL11170">#REF!</definedName>
    <definedName name="________VAL11180" localSheetId="2">#REF!</definedName>
    <definedName name="________VAL11180">#REF!</definedName>
    <definedName name="________VAL11185" localSheetId="2">#REF!</definedName>
    <definedName name="________VAL11185">#REF!</definedName>
    <definedName name="________VAL11220" localSheetId="2">#REF!</definedName>
    <definedName name="________VAL11220">#REF!</definedName>
    <definedName name="________VAL12105" localSheetId="2">#REF!</definedName>
    <definedName name="________VAL12105">#REF!</definedName>
    <definedName name="________VAL12555" localSheetId="2">#REF!</definedName>
    <definedName name="________VAL12555">#REF!</definedName>
    <definedName name="________VAL12570" localSheetId="2">#REF!</definedName>
    <definedName name="________VAL12570">#REF!</definedName>
    <definedName name="________VAL12575" localSheetId="2">#REF!</definedName>
    <definedName name="________VAL12575">#REF!</definedName>
    <definedName name="________VAL12580" localSheetId="2">#REF!</definedName>
    <definedName name="________VAL12580">#REF!</definedName>
    <definedName name="________VAL12600" localSheetId="2">#REF!</definedName>
    <definedName name="________VAL12600">#REF!</definedName>
    <definedName name="________VAL12610" localSheetId="2">#REF!</definedName>
    <definedName name="________VAL12610">#REF!</definedName>
    <definedName name="________VAL12630" localSheetId="2">#REF!</definedName>
    <definedName name="________VAL12630">#REF!</definedName>
    <definedName name="________VAL12631" localSheetId="2">#REF!</definedName>
    <definedName name="________VAL12631">#REF!</definedName>
    <definedName name="________VAL12640" localSheetId="2">#REF!</definedName>
    <definedName name="________VAL12640">#REF!</definedName>
    <definedName name="________VAL12645" localSheetId="2">#REF!</definedName>
    <definedName name="________VAL12645">#REF!</definedName>
    <definedName name="________VAL12665" localSheetId="2">#REF!</definedName>
    <definedName name="________VAL12665">#REF!</definedName>
    <definedName name="________VAL12690" localSheetId="2">#REF!</definedName>
    <definedName name="________VAL12690">#REF!</definedName>
    <definedName name="________VAL12700" localSheetId="2">#REF!</definedName>
    <definedName name="________VAL12700">#REF!</definedName>
    <definedName name="________VAL12710" localSheetId="2">#REF!</definedName>
    <definedName name="________VAL12710">#REF!</definedName>
    <definedName name="________VAL13111" localSheetId="2">#REF!</definedName>
    <definedName name="________VAL13111">#REF!</definedName>
    <definedName name="________VAL13112" localSheetId="2">#REF!</definedName>
    <definedName name="________VAL13112">#REF!</definedName>
    <definedName name="________VAL13121" localSheetId="2">#REF!</definedName>
    <definedName name="________VAL13121">#REF!</definedName>
    <definedName name="________VAL13720" localSheetId="2">#REF!</definedName>
    <definedName name="________VAL13720">#REF!</definedName>
    <definedName name="________VAL14100" localSheetId="2">#REF!</definedName>
    <definedName name="________VAL14100">#REF!</definedName>
    <definedName name="________VAL14161" localSheetId="2">#REF!</definedName>
    <definedName name="________VAL14161">#REF!</definedName>
    <definedName name="________VAL14195" localSheetId="2">#REF!</definedName>
    <definedName name="________VAL14195">#REF!</definedName>
    <definedName name="________VAL14205" localSheetId="2">#REF!</definedName>
    <definedName name="________VAL14205">#REF!</definedName>
    <definedName name="________VAL14260" localSheetId="2">#REF!</definedName>
    <definedName name="________VAL14260">#REF!</definedName>
    <definedName name="________VAL14500" localSheetId="2">#REF!</definedName>
    <definedName name="________VAL14500">#REF!</definedName>
    <definedName name="________VAL14515" localSheetId="2">#REF!</definedName>
    <definedName name="________VAL14515">#REF!</definedName>
    <definedName name="________VAL14555" localSheetId="2">#REF!</definedName>
    <definedName name="________VAL14555">#REF!</definedName>
    <definedName name="________VAL14565" localSheetId="2">#REF!</definedName>
    <definedName name="________VAL14565">#REF!</definedName>
    <definedName name="________VAL15135" localSheetId="2">#REF!</definedName>
    <definedName name="________VAL15135">#REF!</definedName>
    <definedName name="________VAL15140" localSheetId="2">#REF!</definedName>
    <definedName name="________VAL15140">#REF!</definedName>
    <definedName name="________VAL15195" localSheetId="2">#REF!</definedName>
    <definedName name="________VAL15195">#REF!</definedName>
    <definedName name="________VAL15225" localSheetId="2">#REF!</definedName>
    <definedName name="________VAL15225">#REF!</definedName>
    <definedName name="________VAL15230" localSheetId="2">#REF!</definedName>
    <definedName name="________VAL15230">#REF!</definedName>
    <definedName name="________VAL15515" localSheetId="2">#REF!</definedName>
    <definedName name="________VAL15515">#REF!</definedName>
    <definedName name="________VAL15560" localSheetId="2">#REF!</definedName>
    <definedName name="________VAL15560">#REF!</definedName>
    <definedName name="________VAL15565" localSheetId="2">#REF!</definedName>
    <definedName name="________VAL15565">#REF!</definedName>
    <definedName name="________VAL15570" localSheetId="2">#REF!</definedName>
    <definedName name="________VAL15570">#REF!</definedName>
    <definedName name="________VAL15575" localSheetId="2">#REF!</definedName>
    <definedName name="________VAL15575">#REF!</definedName>
    <definedName name="________VAL15583" localSheetId="2">#REF!</definedName>
    <definedName name="________VAL15583">#REF!</definedName>
    <definedName name="________VAL15590" localSheetId="2">#REF!</definedName>
    <definedName name="________VAL15590">#REF!</definedName>
    <definedName name="________VAL15591" localSheetId="2">#REF!</definedName>
    <definedName name="________VAL15591">#REF!</definedName>
    <definedName name="________VAL15610" localSheetId="2">#REF!</definedName>
    <definedName name="________VAL15610">#REF!</definedName>
    <definedName name="________VAL15625" localSheetId="2">#REF!</definedName>
    <definedName name="________VAL15625">#REF!</definedName>
    <definedName name="________VAL15635" localSheetId="2">#REF!</definedName>
    <definedName name="________VAL15635">#REF!</definedName>
    <definedName name="________VAL15655" localSheetId="2">#REF!</definedName>
    <definedName name="________VAL15655">#REF!</definedName>
    <definedName name="________VAL15665" localSheetId="2">#REF!</definedName>
    <definedName name="________VAL15665">#REF!</definedName>
    <definedName name="________VAL16515" localSheetId="2">#REF!</definedName>
    <definedName name="________VAL16515">#REF!</definedName>
    <definedName name="________VAL16535" localSheetId="2">#REF!</definedName>
    <definedName name="________VAL16535">#REF!</definedName>
    <definedName name="________VAL17140" localSheetId="2">#REF!</definedName>
    <definedName name="________VAL17140">#REF!</definedName>
    <definedName name="________VAL19500" localSheetId="2">#REF!</definedName>
    <definedName name="________VAL19500">#REF!</definedName>
    <definedName name="________VAL19501" localSheetId="2">#REF!</definedName>
    <definedName name="________VAL19501">#REF!</definedName>
    <definedName name="________VAL19502" localSheetId="2">#REF!</definedName>
    <definedName name="________VAL19502">#REF!</definedName>
    <definedName name="________VAL19503" localSheetId="2">#REF!</definedName>
    <definedName name="________VAL19503">#REF!</definedName>
    <definedName name="________VAL19504" localSheetId="2">#REF!</definedName>
    <definedName name="________VAL19504">#REF!</definedName>
    <definedName name="________VAL19505" localSheetId="2">#REF!</definedName>
    <definedName name="________VAL19505">#REF!</definedName>
    <definedName name="________VAL20100" localSheetId="2">#REF!</definedName>
    <definedName name="________VAL20100">#REF!</definedName>
    <definedName name="________VAL20105" localSheetId="2">#REF!</definedName>
    <definedName name="________VAL20105">#REF!</definedName>
    <definedName name="________VAL20110" localSheetId="2">#REF!</definedName>
    <definedName name="________VAL20110">#REF!</definedName>
    <definedName name="________VAL20115" localSheetId="2">#REF!</definedName>
    <definedName name="________VAL20115">#REF!</definedName>
    <definedName name="________VAL20130" localSheetId="2">#REF!</definedName>
    <definedName name="________VAL20130">#REF!</definedName>
    <definedName name="________VAL20135" localSheetId="2">#REF!</definedName>
    <definedName name="________VAL20135">#REF!</definedName>
    <definedName name="________VAL20140" localSheetId="2">#REF!</definedName>
    <definedName name="________VAL20140">#REF!</definedName>
    <definedName name="________VAL20145" localSheetId="2">#REF!</definedName>
    <definedName name="________VAL20145">#REF!</definedName>
    <definedName name="________VAL20150" localSheetId="2">#REF!</definedName>
    <definedName name="________VAL20150">#REF!</definedName>
    <definedName name="________VAL20155" localSheetId="2">#REF!</definedName>
    <definedName name="________VAL20155">#REF!</definedName>
    <definedName name="________VAL20175" localSheetId="2">#REF!</definedName>
    <definedName name="________VAL20175">#REF!</definedName>
    <definedName name="________VAL20185" localSheetId="2">#REF!</definedName>
    <definedName name="________VAL20185">#REF!</definedName>
    <definedName name="________VAL20190" localSheetId="2">#REF!</definedName>
    <definedName name="________VAL20190">#REF!</definedName>
    <definedName name="________VAL20195" localSheetId="2">#REF!</definedName>
    <definedName name="________VAL20195">#REF!</definedName>
    <definedName name="________VAL20210" localSheetId="2">#REF!</definedName>
    <definedName name="________VAL20210">#REF!</definedName>
    <definedName name="_______A1" localSheetId="2">#REF!</definedName>
    <definedName name="_______A1">#REF!</definedName>
    <definedName name="_______cab1" localSheetId="2">#REF!</definedName>
    <definedName name="_______cab1">#REF!</definedName>
    <definedName name="_______COM010201" localSheetId="2">#REF!</definedName>
    <definedName name="_______COM010201">#REF!</definedName>
    <definedName name="_______COM010202" localSheetId="2">#REF!</definedName>
    <definedName name="_______COM010202">#REF!</definedName>
    <definedName name="_______COM010205" localSheetId="2">#REF!</definedName>
    <definedName name="_______COM010205">#REF!</definedName>
    <definedName name="_______COM010206" localSheetId="2">#REF!</definedName>
    <definedName name="_______COM010206">#REF!</definedName>
    <definedName name="_______COM010210" localSheetId="2">#REF!</definedName>
    <definedName name="_______COM010210">#REF!</definedName>
    <definedName name="_______COM010301" localSheetId="2">#REF!</definedName>
    <definedName name="_______COM010301">#REF!</definedName>
    <definedName name="_______COM010401" localSheetId="2">#REF!</definedName>
    <definedName name="_______COM010401">#REF!</definedName>
    <definedName name="_______COM010402" localSheetId="2">#REF!</definedName>
    <definedName name="_______COM010402">#REF!</definedName>
    <definedName name="_______COM010407" localSheetId="2">#REF!</definedName>
    <definedName name="_______COM010407">#REF!</definedName>
    <definedName name="_______COM010413" localSheetId="2">#REF!</definedName>
    <definedName name="_______COM010413">#REF!</definedName>
    <definedName name="_______COM010501" localSheetId="2">#REF!</definedName>
    <definedName name="_______COM010501">#REF!</definedName>
    <definedName name="_______COM010503" localSheetId="2">#REF!</definedName>
    <definedName name="_______COM010503">#REF!</definedName>
    <definedName name="_______COM010505" localSheetId="2">#REF!</definedName>
    <definedName name="_______COM010505">#REF!</definedName>
    <definedName name="_______COM010509" localSheetId="2">#REF!</definedName>
    <definedName name="_______COM010509">#REF!</definedName>
    <definedName name="_______COM010512" localSheetId="2">#REF!</definedName>
    <definedName name="_______COM010512">#REF!</definedName>
    <definedName name="_______COM010518" localSheetId="2">#REF!</definedName>
    <definedName name="_______COM010518">#REF!</definedName>
    <definedName name="_______COM010519" localSheetId="2">#REF!</definedName>
    <definedName name="_______COM010519">#REF!</definedName>
    <definedName name="_______COM010521" localSheetId="2">#REF!</definedName>
    <definedName name="_______COM010521">#REF!</definedName>
    <definedName name="_______COM010523" localSheetId="2">#REF!</definedName>
    <definedName name="_______COM010523">#REF!</definedName>
    <definedName name="_______COM010532" localSheetId="2">#REF!</definedName>
    <definedName name="_______COM010532">#REF!</definedName>
    <definedName name="_______COM010533" localSheetId="2">#REF!</definedName>
    <definedName name="_______COM010533">#REF!</definedName>
    <definedName name="_______COM010536" localSheetId="2">#REF!</definedName>
    <definedName name="_______COM010536">#REF!</definedName>
    <definedName name="_______COM010701" localSheetId="2">#REF!</definedName>
    <definedName name="_______COM010701">#REF!</definedName>
    <definedName name="_______COM010703" localSheetId="2">#REF!</definedName>
    <definedName name="_______COM010703">#REF!</definedName>
    <definedName name="_______COM010705" localSheetId="2">#REF!</definedName>
    <definedName name="_______COM010705">#REF!</definedName>
    <definedName name="_______COM010708" localSheetId="2">#REF!</definedName>
    <definedName name="_______COM010708">#REF!</definedName>
    <definedName name="_______COM010710" localSheetId="2">#REF!</definedName>
    <definedName name="_______COM010710">#REF!</definedName>
    <definedName name="_______COM010712" localSheetId="2">#REF!</definedName>
    <definedName name="_______COM010712">#REF!</definedName>
    <definedName name="_______COM010717" localSheetId="2">#REF!</definedName>
    <definedName name="_______COM010717">#REF!</definedName>
    <definedName name="_______COM010718" localSheetId="2">#REF!</definedName>
    <definedName name="_______COM010718">#REF!</definedName>
    <definedName name="_______COM020201" localSheetId="2">#REF!</definedName>
    <definedName name="_______COM020201">#REF!</definedName>
    <definedName name="_______COM020205" localSheetId="2">#REF!</definedName>
    <definedName name="_______COM020205">#REF!</definedName>
    <definedName name="_______COM020211" localSheetId="2">#REF!</definedName>
    <definedName name="_______COM020211">#REF!</definedName>
    <definedName name="_______COM020217" localSheetId="2">#REF!</definedName>
    <definedName name="_______COM020217">#REF!</definedName>
    <definedName name="_______COM030102" localSheetId="2">#REF!</definedName>
    <definedName name="_______COM030102">#REF!</definedName>
    <definedName name="_______COM030201" localSheetId="2">#REF!</definedName>
    <definedName name="_______COM030201">#REF!</definedName>
    <definedName name="_______COM030303" localSheetId="2">#REF!</definedName>
    <definedName name="_______COM030303">#REF!</definedName>
    <definedName name="_______COM030317" localSheetId="2">#REF!</definedName>
    <definedName name="_______COM030317">#REF!</definedName>
    <definedName name="_______COM040101" localSheetId="2">#REF!</definedName>
    <definedName name="_______COM040101">#REF!</definedName>
    <definedName name="_______COM040202" localSheetId="2">#REF!</definedName>
    <definedName name="_______COM040202">#REF!</definedName>
    <definedName name="_______COM050103" localSheetId="2">#REF!</definedName>
    <definedName name="_______COM050103">#REF!</definedName>
    <definedName name="_______COM050207" localSheetId="2">#REF!</definedName>
    <definedName name="_______COM050207">#REF!</definedName>
    <definedName name="_______COM060101" localSheetId="2">#REF!</definedName>
    <definedName name="_______COM060101">#REF!</definedName>
    <definedName name="_______COM080101" localSheetId="2">#REF!</definedName>
    <definedName name="_______COM080101">#REF!</definedName>
    <definedName name="_______COM080310" localSheetId="2">#REF!</definedName>
    <definedName name="_______COM080310">#REF!</definedName>
    <definedName name="_______COM090101" localSheetId="2">#REF!</definedName>
    <definedName name="_______COM090101">#REF!</definedName>
    <definedName name="_______COM100302" localSheetId="2">#REF!</definedName>
    <definedName name="_______COM100302">#REF!</definedName>
    <definedName name="_______COM110101" localSheetId="2">#REF!</definedName>
    <definedName name="_______COM110101">#REF!</definedName>
    <definedName name="_______COM110104" localSheetId="2">#REF!</definedName>
    <definedName name="_______COM110104">#REF!</definedName>
    <definedName name="_______COM110107" localSheetId="2">#REF!</definedName>
    <definedName name="_______COM110107">#REF!</definedName>
    <definedName name="_______COM120101" localSheetId="2">#REF!</definedName>
    <definedName name="_______COM120101">#REF!</definedName>
    <definedName name="_______COM120105" localSheetId="2">#REF!</definedName>
    <definedName name="_______COM120105">#REF!</definedName>
    <definedName name="_______COM120106" localSheetId="2">#REF!</definedName>
    <definedName name="_______COM120106">#REF!</definedName>
    <definedName name="_______COM120107" localSheetId="2">#REF!</definedName>
    <definedName name="_______COM120107">#REF!</definedName>
    <definedName name="_______COM120110" localSheetId="2">#REF!</definedName>
    <definedName name="_______COM120110">#REF!</definedName>
    <definedName name="_______COM120150" localSheetId="2">#REF!</definedName>
    <definedName name="_______COM120150">#REF!</definedName>
    <definedName name="_______COM130101" localSheetId="2">#REF!</definedName>
    <definedName name="_______COM130101">#REF!</definedName>
    <definedName name="_______COM130103" localSheetId="2">#REF!</definedName>
    <definedName name="_______COM130103">#REF!</definedName>
    <definedName name="_______COM130304" localSheetId="2">#REF!</definedName>
    <definedName name="_______COM130304">#REF!</definedName>
    <definedName name="_______COM130401" localSheetId="2">#REF!</definedName>
    <definedName name="_______COM130401">#REF!</definedName>
    <definedName name="_______COM140102" localSheetId="2">#REF!</definedName>
    <definedName name="_______COM140102">#REF!</definedName>
    <definedName name="_______COM140109" localSheetId="2">#REF!</definedName>
    <definedName name="_______COM140109">#REF!</definedName>
    <definedName name="_______COM140113" localSheetId="2">#REF!</definedName>
    <definedName name="_______COM140113">#REF!</definedName>
    <definedName name="_______COM140122" localSheetId="2">#REF!</definedName>
    <definedName name="_______COM140122">#REF!</definedName>
    <definedName name="_______COM140126" localSheetId="2">#REF!</definedName>
    <definedName name="_______COM140126">#REF!</definedName>
    <definedName name="_______COM140129" localSheetId="2">#REF!</definedName>
    <definedName name="_______COM140129">#REF!</definedName>
    <definedName name="_______COM140135" localSheetId="2">#REF!</definedName>
    <definedName name="_______COM140135">#REF!</definedName>
    <definedName name="_______COM140143" localSheetId="2">#REF!</definedName>
    <definedName name="_______COM140143">#REF!</definedName>
    <definedName name="_______COM140145" localSheetId="2">#REF!</definedName>
    <definedName name="_______COM140145">#REF!</definedName>
    <definedName name="_______COM150130" localSheetId="2">#REF!</definedName>
    <definedName name="_______COM150130">#REF!</definedName>
    <definedName name="_______COM170101" localSheetId="2">#REF!</definedName>
    <definedName name="_______COM170101">#REF!</definedName>
    <definedName name="_______COM170102" localSheetId="2">#REF!</definedName>
    <definedName name="_______COM170102">#REF!</definedName>
    <definedName name="_______COM170103" localSheetId="2">#REF!</definedName>
    <definedName name="_______COM170103">#REF!</definedName>
    <definedName name="_______GLB2" localSheetId="2">#REF!</definedName>
    <definedName name="_______GLB2">#REF!</definedName>
    <definedName name="_______i3" localSheetId="2">#REF!</definedName>
    <definedName name="_______i3">#REF!</definedName>
    <definedName name="_______MAO010201" localSheetId="2">#REF!</definedName>
    <definedName name="_______MAO010201">#REF!</definedName>
    <definedName name="_______MAO010202" localSheetId="2">#REF!</definedName>
    <definedName name="_______MAO010202">#REF!</definedName>
    <definedName name="_______MAO010205" localSheetId="2">#REF!</definedName>
    <definedName name="_______MAO010205">#REF!</definedName>
    <definedName name="_______MAO010206" localSheetId="2">#REF!</definedName>
    <definedName name="_______MAO010206">#REF!</definedName>
    <definedName name="_______MAO010210" localSheetId="2">#REF!</definedName>
    <definedName name="_______MAO010210">#REF!</definedName>
    <definedName name="_______MAO010401" localSheetId="2">#REF!</definedName>
    <definedName name="_______MAO010401">#REF!</definedName>
    <definedName name="_______MAO010402" localSheetId="2">#REF!</definedName>
    <definedName name="_______MAO010402">#REF!</definedName>
    <definedName name="_______MAO010407" localSheetId="2">#REF!</definedName>
    <definedName name="_______MAO010407">#REF!</definedName>
    <definedName name="_______MAO010413" localSheetId="2">#REF!</definedName>
    <definedName name="_______MAO010413">#REF!</definedName>
    <definedName name="_______MAO010501" localSheetId="2">#REF!</definedName>
    <definedName name="_______MAO010501">#REF!</definedName>
    <definedName name="_______MAO010503" localSheetId="2">#REF!</definedName>
    <definedName name="_______MAO010503">#REF!</definedName>
    <definedName name="_______MAO010505" localSheetId="2">#REF!</definedName>
    <definedName name="_______MAO010505">#REF!</definedName>
    <definedName name="_______MAO010509" localSheetId="2">#REF!</definedName>
    <definedName name="_______MAO010509">#REF!</definedName>
    <definedName name="_______MAO010512" localSheetId="2">#REF!</definedName>
    <definedName name="_______MAO010512">#REF!</definedName>
    <definedName name="_______MAO010518" localSheetId="2">#REF!</definedName>
    <definedName name="_______MAO010518">#REF!</definedName>
    <definedName name="_______MAO010519" localSheetId="2">#REF!</definedName>
    <definedName name="_______MAO010519">#REF!</definedName>
    <definedName name="_______MAO010521" localSheetId="2">#REF!</definedName>
    <definedName name="_______MAO010521">#REF!</definedName>
    <definedName name="_______MAO010523" localSheetId="2">#REF!</definedName>
    <definedName name="_______MAO010523">#REF!</definedName>
    <definedName name="_______MAO010532" localSheetId="2">#REF!</definedName>
    <definedName name="_______MAO010532">#REF!</definedName>
    <definedName name="_______MAO010533" localSheetId="2">#REF!</definedName>
    <definedName name="_______MAO010533">#REF!</definedName>
    <definedName name="_______MAO010536" localSheetId="2">#REF!</definedName>
    <definedName name="_______MAO010536">#REF!</definedName>
    <definedName name="_______MAO010701" localSheetId="2">#REF!</definedName>
    <definedName name="_______MAO010701">#REF!</definedName>
    <definedName name="_______MAO010703" localSheetId="2">#REF!</definedName>
    <definedName name="_______MAO010703">#REF!</definedName>
    <definedName name="_______MAO010705" localSheetId="2">#REF!</definedName>
    <definedName name="_______MAO010705">#REF!</definedName>
    <definedName name="_______MAO010708" localSheetId="2">#REF!</definedName>
    <definedName name="_______MAO010708">#REF!</definedName>
    <definedName name="_______MAO010710" localSheetId="2">#REF!</definedName>
    <definedName name="_______MAO010710">#REF!</definedName>
    <definedName name="_______MAO010712" localSheetId="2">#REF!</definedName>
    <definedName name="_______MAO010712">#REF!</definedName>
    <definedName name="_______MAO010717" localSheetId="2">#REF!</definedName>
    <definedName name="_______MAO010717">#REF!</definedName>
    <definedName name="_______MAO020201" localSheetId="2">#REF!</definedName>
    <definedName name="_______MAO020201">#REF!</definedName>
    <definedName name="_______MAO020205" localSheetId="2">#REF!</definedName>
    <definedName name="_______MAO020205">#REF!</definedName>
    <definedName name="_______MAO020211" localSheetId="2">#REF!</definedName>
    <definedName name="_______MAO020211">#REF!</definedName>
    <definedName name="_______MAO020217" localSheetId="2">#REF!</definedName>
    <definedName name="_______MAO020217">#REF!</definedName>
    <definedName name="_______MAO030102" localSheetId="2">#REF!</definedName>
    <definedName name="_______MAO030102">#REF!</definedName>
    <definedName name="_______MAO030201" localSheetId="2">#REF!</definedName>
    <definedName name="_______MAO030201">#REF!</definedName>
    <definedName name="_______MAO030303" localSheetId="2">#REF!</definedName>
    <definedName name="_______MAO030303">#REF!</definedName>
    <definedName name="_______MAO030317" localSheetId="2">#REF!</definedName>
    <definedName name="_______MAO030317">#REF!</definedName>
    <definedName name="_______MAO040101" localSheetId="2">#REF!</definedName>
    <definedName name="_______MAO040101">#REF!</definedName>
    <definedName name="_______MAO040202" localSheetId="2">#REF!</definedName>
    <definedName name="_______MAO040202">#REF!</definedName>
    <definedName name="_______MAO050103" localSheetId="2">#REF!</definedName>
    <definedName name="_______MAO050103">#REF!</definedName>
    <definedName name="_______MAO050207" localSheetId="2">#REF!</definedName>
    <definedName name="_______MAO050207">#REF!</definedName>
    <definedName name="_______MAO060101" localSheetId="2">#REF!</definedName>
    <definedName name="_______MAO060101">#REF!</definedName>
    <definedName name="_______MAO080310" localSheetId="2">#REF!</definedName>
    <definedName name="_______MAO080310">#REF!</definedName>
    <definedName name="_______MAO090101" localSheetId="2">#REF!</definedName>
    <definedName name="_______MAO090101">#REF!</definedName>
    <definedName name="_______MAO110101" localSheetId="2">#REF!</definedName>
    <definedName name="_______MAO110101">#REF!</definedName>
    <definedName name="_______MAO110104" localSheetId="2">#REF!</definedName>
    <definedName name="_______MAO110104">#REF!</definedName>
    <definedName name="_______MAO110107" localSheetId="2">#REF!</definedName>
    <definedName name="_______MAO110107">#REF!</definedName>
    <definedName name="_______MAO120101" localSheetId="2">#REF!</definedName>
    <definedName name="_______MAO120101">#REF!</definedName>
    <definedName name="_______MAO120105" localSheetId="2">#REF!</definedName>
    <definedName name="_______MAO120105">#REF!</definedName>
    <definedName name="_______MAO120106" localSheetId="2">#REF!</definedName>
    <definedName name="_______MAO120106">#REF!</definedName>
    <definedName name="_______MAO120107" localSheetId="2">#REF!</definedName>
    <definedName name="_______MAO120107">#REF!</definedName>
    <definedName name="_______MAO120110" localSheetId="2">#REF!</definedName>
    <definedName name="_______MAO120110">#REF!</definedName>
    <definedName name="_______MAO120150" localSheetId="2">#REF!</definedName>
    <definedName name="_______MAO120150">#REF!</definedName>
    <definedName name="_______MAO130101" localSheetId="2">#REF!</definedName>
    <definedName name="_______MAO130101">#REF!</definedName>
    <definedName name="_______MAO130103" localSheetId="2">#REF!</definedName>
    <definedName name="_______MAO130103">#REF!</definedName>
    <definedName name="_______MAO130304" localSheetId="2">#REF!</definedName>
    <definedName name="_______MAO130304">#REF!</definedName>
    <definedName name="_______MAO130401" localSheetId="2">#REF!</definedName>
    <definedName name="_______MAO130401">#REF!</definedName>
    <definedName name="_______MAO140102" localSheetId="2">#REF!</definedName>
    <definedName name="_______MAO140102">#REF!</definedName>
    <definedName name="_______MAO140109" localSheetId="2">#REF!</definedName>
    <definedName name="_______MAO140109">#REF!</definedName>
    <definedName name="_______MAO140113" localSheetId="2">#REF!</definedName>
    <definedName name="_______MAO140113">#REF!</definedName>
    <definedName name="_______MAO140122" localSheetId="2">#REF!</definedName>
    <definedName name="_______MAO140122">#REF!</definedName>
    <definedName name="_______MAO140126" localSheetId="2">#REF!</definedName>
    <definedName name="_______MAO140126">#REF!</definedName>
    <definedName name="_______MAO140129" localSheetId="2">#REF!</definedName>
    <definedName name="_______MAO140129">#REF!</definedName>
    <definedName name="_______MAO140135" localSheetId="2">#REF!</definedName>
    <definedName name="_______MAO140135">#REF!</definedName>
    <definedName name="_______MAO140143" localSheetId="2">#REF!</definedName>
    <definedName name="_______MAO140143">#REF!</definedName>
    <definedName name="_______MAO140145" localSheetId="2">#REF!</definedName>
    <definedName name="_______MAO140145">#REF!</definedName>
    <definedName name="_______MAT010301" localSheetId="2">#REF!</definedName>
    <definedName name="_______MAT010301">#REF!</definedName>
    <definedName name="_______MAT010401" localSheetId="2">#REF!</definedName>
    <definedName name="_______MAT010401">#REF!</definedName>
    <definedName name="_______MAT010402" localSheetId="2">#REF!</definedName>
    <definedName name="_______MAT010402">#REF!</definedName>
    <definedName name="_______MAT010407" localSheetId="2">#REF!</definedName>
    <definedName name="_______MAT010407">#REF!</definedName>
    <definedName name="_______MAT010413" localSheetId="2">#REF!</definedName>
    <definedName name="_______MAT010413">#REF!</definedName>
    <definedName name="_______MAT010536" localSheetId="2">#REF!</definedName>
    <definedName name="_______MAT010536">#REF!</definedName>
    <definedName name="_______MAT010703" localSheetId="2">#REF!</definedName>
    <definedName name="_______MAT010703">#REF!</definedName>
    <definedName name="_______MAT010708" localSheetId="2">#REF!</definedName>
    <definedName name="_______MAT010708">#REF!</definedName>
    <definedName name="_______MAT010710" localSheetId="2">#REF!</definedName>
    <definedName name="_______MAT010710">#REF!</definedName>
    <definedName name="_______MAT010718" localSheetId="2">#REF!</definedName>
    <definedName name="_______MAT010718">#REF!</definedName>
    <definedName name="_______MAT020201" localSheetId="2">#REF!</definedName>
    <definedName name="_______MAT020201">#REF!</definedName>
    <definedName name="_______MAT020205" localSheetId="2">#REF!</definedName>
    <definedName name="_______MAT020205">#REF!</definedName>
    <definedName name="_______MAT020211" localSheetId="2">#REF!</definedName>
    <definedName name="_______MAT020211">#REF!</definedName>
    <definedName name="_______MAT030102" localSheetId="2">#REF!</definedName>
    <definedName name="_______MAT030102">#REF!</definedName>
    <definedName name="_______MAT030201" localSheetId="2">#REF!</definedName>
    <definedName name="_______MAT030201">#REF!</definedName>
    <definedName name="_______MAT030303" localSheetId="2">#REF!</definedName>
    <definedName name="_______MAT030303">#REF!</definedName>
    <definedName name="_______MAT030317" localSheetId="2">#REF!</definedName>
    <definedName name="_______MAT030317">#REF!</definedName>
    <definedName name="_______MAT040101" localSheetId="2">#REF!</definedName>
    <definedName name="_______MAT040101">#REF!</definedName>
    <definedName name="_______MAT040202" localSheetId="2">#REF!</definedName>
    <definedName name="_______MAT040202">#REF!</definedName>
    <definedName name="_______MAT050103" localSheetId="2">#REF!</definedName>
    <definedName name="_______MAT050103">#REF!</definedName>
    <definedName name="_______MAT050207" localSheetId="2">#REF!</definedName>
    <definedName name="_______MAT050207">#REF!</definedName>
    <definedName name="_______MAT060101" localSheetId="2">#REF!</definedName>
    <definedName name="_______MAT060101">#REF!</definedName>
    <definedName name="_______MAT080101" localSheetId="2">#REF!</definedName>
    <definedName name="_______MAT080101">#REF!</definedName>
    <definedName name="_______MAT080310" localSheetId="2">#REF!</definedName>
    <definedName name="_______MAT080310">#REF!</definedName>
    <definedName name="_______MAT090101" localSheetId="2">#REF!</definedName>
    <definedName name="_______MAT090101">#REF!</definedName>
    <definedName name="_______MAT100302" localSheetId="2">#REF!</definedName>
    <definedName name="_______MAT100302">#REF!</definedName>
    <definedName name="_______MAT110101" localSheetId="2">#REF!</definedName>
    <definedName name="_______MAT110101">#REF!</definedName>
    <definedName name="_______MAT110104" localSheetId="2">#REF!</definedName>
    <definedName name="_______MAT110104">#REF!</definedName>
    <definedName name="_______MAT110107" localSheetId="2">#REF!</definedName>
    <definedName name="_______MAT110107">#REF!</definedName>
    <definedName name="_______MAT120101" localSheetId="2">#REF!</definedName>
    <definedName name="_______MAT120101">#REF!</definedName>
    <definedName name="_______MAT120105" localSheetId="2">#REF!</definedName>
    <definedName name="_______MAT120105">#REF!</definedName>
    <definedName name="_______MAT120106" localSheetId="2">#REF!</definedName>
    <definedName name="_______MAT120106">#REF!</definedName>
    <definedName name="_______MAT120107" localSheetId="2">#REF!</definedName>
    <definedName name="_______MAT120107">#REF!</definedName>
    <definedName name="_______MAT120110" localSheetId="2">#REF!</definedName>
    <definedName name="_______MAT120110">#REF!</definedName>
    <definedName name="_______MAT120150" localSheetId="2">#REF!</definedName>
    <definedName name="_______MAT120150">#REF!</definedName>
    <definedName name="_______MAT130101" localSheetId="2">#REF!</definedName>
    <definedName name="_______MAT130101">#REF!</definedName>
    <definedName name="_______MAT130103" localSheetId="2">#REF!</definedName>
    <definedName name="_______MAT130103">#REF!</definedName>
    <definedName name="_______MAT130304" localSheetId="2">#REF!</definedName>
    <definedName name="_______MAT130304">#REF!</definedName>
    <definedName name="_______MAT130401" localSheetId="2">#REF!</definedName>
    <definedName name="_______MAT130401">#REF!</definedName>
    <definedName name="_______MAT140102" localSheetId="2">#REF!</definedName>
    <definedName name="_______MAT140102">#REF!</definedName>
    <definedName name="_______MAT140109" localSheetId="2">#REF!</definedName>
    <definedName name="_______MAT140109">#REF!</definedName>
    <definedName name="_______MAT140113" localSheetId="2">#REF!</definedName>
    <definedName name="_______MAT140113">#REF!</definedName>
    <definedName name="_______MAT140122" localSheetId="2">#REF!</definedName>
    <definedName name="_______MAT140122">#REF!</definedName>
    <definedName name="_______MAT140126" localSheetId="2">#REF!</definedName>
    <definedName name="_______MAT140126">#REF!</definedName>
    <definedName name="_______MAT140129" localSheetId="2">#REF!</definedName>
    <definedName name="_______MAT140129">#REF!</definedName>
    <definedName name="_______MAT140135" localSheetId="2">#REF!</definedName>
    <definedName name="_______MAT140135">#REF!</definedName>
    <definedName name="_______MAT140143" localSheetId="2">#REF!</definedName>
    <definedName name="_______MAT140143">#REF!</definedName>
    <definedName name="_______MAT140145" localSheetId="2">#REF!</definedName>
    <definedName name="_______MAT140145">#REF!</definedName>
    <definedName name="_______MAT150130" localSheetId="2">#REF!</definedName>
    <definedName name="_______MAT150130">#REF!</definedName>
    <definedName name="_______MAT170101" localSheetId="2">#REF!</definedName>
    <definedName name="_______MAT170101">#REF!</definedName>
    <definedName name="_______MAT170102" localSheetId="2">#REF!</definedName>
    <definedName name="_______MAT170102">#REF!</definedName>
    <definedName name="_______MAT170103" localSheetId="2">#REF!</definedName>
    <definedName name="_______MAT170103">#REF!</definedName>
    <definedName name="_______PRE010201" localSheetId="2">#REF!</definedName>
    <definedName name="_______PRE010201">#REF!</definedName>
    <definedName name="_______PRE010202" localSheetId="2">#REF!</definedName>
    <definedName name="_______PRE010202">#REF!</definedName>
    <definedName name="_______PRE010205" localSheetId="2">#REF!</definedName>
    <definedName name="_______PRE010205">#REF!</definedName>
    <definedName name="_______PRE010210" localSheetId="2">#REF!</definedName>
    <definedName name="_______PRE010210">#REF!</definedName>
    <definedName name="_______PRE010301" localSheetId="2">#REF!</definedName>
    <definedName name="_______PRE010301">#REF!</definedName>
    <definedName name="_______PRE010401" localSheetId="2">#REF!</definedName>
    <definedName name="_______PRE010401">#REF!</definedName>
    <definedName name="_______PRE010402" localSheetId="2">#REF!</definedName>
    <definedName name="_______PRE010402">#REF!</definedName>
    <definedName name="_______PRE010407" localSheetId="2">#REF!</definedName>
    <definedName name="_______PRE010407">#REF!</definedName>
    <definedName name="_______PRE010413" localSheetId="2">#REF!</definedName>
    <definedName name="_______PRE010413">#REF!</definedName>
    <definedName name="_______PRE010501" localSheetId="2">#REF!</definedName>
    <definedName name="_______PRE010501">#REF!</definedName>
    <definedName name="_______PRE010503" localSheetId="2">#REF!</definedName>
    <definedName name="_______PRE010503">#REF!</definedName>
    <definedName name="_______PRE010505" localSheetId="2">#REF!</definedName>
    <definedName name="_______PRE010505">#REF!</definedName>
    <definedName name="_______PRE010509" localSheetId="2">#REF!</definedName>
    <definedName name="_______PRE010509">#REF!</definedName>
    <definedName name="_______PRE010512" localSheetId="2">#REF!</definedName>
    <definedName name="_______PRE010512">#REF!</definedName>
    <definedName name="_______PRE010518" localSheetId="2">#REF!</definedName>
    <definedName name="_______PRE010518">#REF!</definedName>
    <definedName name="_______PRE010519" localSheetId="2">#REF!</definedName>
    <definedName name="_______PRE010519">#REF!</definedName>
    <definedName name="_______PRE010521" localSheetId="2">#REF!</definedName>
    <definedName name="_______PRE010521">#REF!</definedName>
    <definedName name="_______PRE010523" localSheetId="2">#REF!</definedName>
    <definedName name="_______PRE010523">#REF!</definedName>
    <definedName name="_______PRE010532" localSheetId="2">#REF!</definedName>
    <definedName name="_______PRE010532">#REF!</definedName>
    <definedName name="_______PRE010533" localSheetId="2">#REF!</definedName>
    <definedName name="_______PRE010533">#REF!</definedName>
    <definedName name="_______PRE010536" localSheetId="2">#REF!</definedName>
    <definedName name="_______PRE010536">#REF!</definedName>
    <definedName name="_______PRE010701" localSheetId="2">#REF!</definedName>
    <definedName name="_______PRE010701">#REF!</definedName>
    <definedName name="_______PRE010703" localSheetId="2">#REF!</definedName>
    <definedName name="_______PRE010703">#REF!</definedName>
    <definedName name="_______PRE010705" localSheetId="2">#REF!</definedName>
    <definedName name="_______PRE010705">#REF!</definedName>
    <definedName name="_______PRE010708" localSheetId="2">#REF!</definedName>
    <definedName name="_______PRE010708">#REF!</definedName>
    <definedName name="_______PRE010710" localSheetId="2">#REF!</definedName>
    <definedName name="_______PRE010710">#REF!</definedName>
    <definedName name="_______PRE010712" localSheetId="2">#REF!</definedName>
    <definedName name="_______PRE010712">#REF!</definedName>
    <definedName name="_______PRE010717" localSheetId="2">#REF!</definedName>
    <definedName name="_______PRE010717">#REF!</definedName>
    <definedName name="_______PRE010718" localSheetId="2">#REF!</definedName>
    <definedName name="_______PRE010718">#REF!</definedName>
    <definedName name="_______PRE020201" localSheetId="2">#REF!</definedName>
    <definedName name="_______PRE020201">#REF!</definedName>
    <definedName name="_______PRE020205" localSheetId="2">#REF!</definedName>
    <definedName name="_______PRE020205">#REF!</definedName>
    <definedName name="_______PRE020211" localSheetId="2">#REF!</definedName>
    <definedName name="_______PRE020211">#REF!</definedName>
    <definedName name="_______PRE020217" localSheetId="2">#REF!</definedName>
    <definedName name="_______PRE020217">#REF!</definedName>
    <definedName name="_______PRE030102" localSheetId="2">#REF!</definedName>
    <definedName name="_______PRE030102">#REF!</definedName>
    <definedName name="_______PRE030201" localSheetId="2">#REF!</definedName>
    <definedName name="_______PRE030201">#REF!</definedName>
    <definedName name="_______PRE030303" localSheetId="2">#REF!</definedName>
    <definedName name="_______PRE030303">#REF!</definedName>
    <definedName name="_______PRE030317" localSheetId="2">#REF!</definedName>
    <definedName name="_______PRE030317">#REF!</definedName>
    <definedName name="_______PRE040101" localSheetId="2">#REF!</definedName>
    <definedName name="_______PRE040101">#REF!</definedName>
    <definedName name="_______PRE040202" localSheetId="2">#REF!</definedName>
    <definedName name="_______PRE040202">#REF!</definedName>
    <definedName name="_______PRE050103" localSheetId="2">#REF!</definedName>
    <definedName name="_______PRE050103">#REF!</definedName>
    <definedName name="_______PRE050207" localSheetId="2">#REF!</definedName>
    <definedName name="_______PRE050207">#REF!</definedName>
    <definedName name="_______PRE060101" localSheetId="2">#REF!</definedName>
    <definedName name="_______PRE060101">#REF!</definedName>
    <definedName name="_______PRE080101" localSheetId="2">#REF!</definedName>
    <definedName name="_______PRE080101">#REF!</definedName>
    <definedName name="_______PRE080310" localSheetId="2">#REF!</definedName>
    <definedName name="_______PRE080310">#REF!</definedName>
    <definedName name="_______PRE090101" localSheetId="2">#REF!</definedName>
    <definedName name="_______PRE090101">#REF!</definedName>
    <definedName name="_______PRE100302" localSheetId="2">#REF!</definedName>
    <definedName name="_______PRE100302">#REF!</definedName>
    <definedName name="_______PRE110101" localSheetId="2">#REF!</definedName>
    <definedName name="_______PRE110101">#REF!</definedName>
    <definedName name="_______PRE110104" localSheetId="2">#REF!</definedName>
    <definedName name="_______PRE110104">#REF!</definedName>
    <definedName name="_______PRE110107" localSheetId="2">#REF!</definedName>
    <definedName name="_______PRE110107">#REF!</definedName>
    <definedName name="_______PRE120101" localSheetId="2">#REF!</definedName>
    <definedName name="_______PRE120101">#REF!</definedName>
    <definedName name="_______PRE120105" localSheetId="2">#REF!</definedName>
    <definedName name="_______PRE120105">#REF!</definedName>
    <definedName name="_______PRE120106" localSheetId="2">#REF!</definedName>
    <definedName name="_______PRE120106">#REF!</definedName>
    <definedName name="_______PRE120107" localSheetId="2">#REF!</definedName>
    <definedName name="_______PRE120107">#REF!</definedName>
    <definedName name="_______PRE120110" localSheetId="2">#REF!</definedName>
    <definedName name="_______PRE120110">#REF!</definedName>
    <definedName name="_______PRE120150" localSheetId="2">#REF!</definedName>
    <definedName name="_______PRE120150">#REF!</definedName>
    <definedName name="_______PRE130101" localSheetId="2">#REF!</definedName>
    <definedName name="_______PRE130101">#REF!</definedName>
    <definedName name="_______PRE130103" localSheetId="2">#REF!</definedName>
    <definedName name="_______PRE130103">#REF!</definedName>
    <definedName name="_______PRE130304" localSheetId="2">#REF!</definedName>
    <definedName name="_______PRE130304">#REF!</definedName>
    <definedName name="_______PRE130401" localSheetId="2">#REF!</definedName>
    <definedName name="_______PRE130401">#REF!</definedName>
    <definedName name="_______PRE140102" localSheetId="2">#REF!</definedName>
    <definedName name="_______PRE140102">#REF!</definedName>
    <definedName name="_______PRE140109" localSheetId="2">#REF!</definedName>
    <definedName name="_______PRE140109">#REF!</definedName>
    <definedName name="_______PRE140113" localSheetId="2">#REF!</definedName>
    <definedName name="_______PRE140113">#REF!</definedName>
    <definedName name="_______PRE140122" localSheetId="2">#REF!</definedName>
    <definedName name="_______PRE140122">#REF!</definedName>
    <definedName name="_______PRE140126" localSheetId="2">#REF!</definedName>
    <definedName name="_______PRE140126">#REF!</definedName>
    <definedName name="_______PRE140129" localSheetId="2">#REF!</definedName>
    <definedName name="_______PRE140129">#REF!</definedName>
    <definedName name="_______PRE140135" localSheetId="2">#REF!</definedName>
    <definedName name="_______PRE140135">#REF!</definedName>
    <definedName name="_______PRE140143" localSheetId="2">#REF!</definedName>
    <definedName name="_______PRE140143">#REF!</definedName>
    <definedName name="_______PRE140145" localSheetId="2">#REF!</definedName>
    <definedName name="_______PRE140145">#REF!</definedName>
    <definedName name="_______PRE150130" localSheetId="2">#REF!</definedName>
    <definedName name="_______PRE150130">#REF!</definedName>
    <definedName name="_______PRE170101" localSheetId="2">#REF!</definedName>
    <definedName name="_______PRE170101">#REF!</definedName>
    <definedName name="_______PRE170102" localSheetId="2">#REF!</definedName>
    <definedName name="_______PRE170102">#REF!</definedName>
    <definedName name="_______PRE170103" localSheetId="2">#REF!</definedName>
    <definedName name="_______PRE170103">#REF!</definedName>
    <definedName name="_______QUA010201" localSheetId="2">#REF!</definedName>
    <definedName name="_______QUA010201">#REF!</definedName>
    <definedName name="_______QUA010202" localSheetId="2">#REF!</definedName>
    <definedName name="_______QUA010202">#REF!</definedName>
    <definedName name="_______QUA010205" localSheetId="2">#REF!</definedName>
    <definedName name="_______QUA010205">#REF!</definedName>
    <definedName name="_______QUA010206" localSheetId="2">#REF!</definedName>
    <definedName name="_______QUA010206">#REF!</definedName>
    <definedName name="_______QUA010210" localSheetId="2">#REF!</definedName>
    <definedName name="_______QUA010210">#REF!</definedName>
    <definedName name="_______QUA010301" localSheetId="2">#REF!</definedName>
    <definedName name="_______QUA010301">#REF!</definedName>
    <definedName name="_______QUA010401" localSheetId="2">#REF!</definedName>
    <definedName name="_______QUA010401">#REF!</definedName>
    <definedName name="_______QUA010402" localSheetId="2">#REF!</definedName>
    <definedName name="_______QUA010402">#REF!</definedName>
    <definedName name="_______QUA010407" localSheetId="2">#REF!</definedName>
    <definedName name="_______QUA010407">#REF!</definedName>
    <definedName name="_______QUA010413" localSheetId="2">#REF!</definedName>
    <definedName name="_______QUA010413">#REF!</definedName>
    <definedName name="_______QUA010501" localSheetId="2">#REF!</definedName>
    <definedName name="_______QUA010501">#REF!</definedName>
    <definedName name="_______QUA010503" localSheetId="2">#REF!</definedName>
    <definedName name="_______QUA010503">#REF!</definedName>
    <definedName name="_______QUA010505" localSheetId="2">#REF!</definedName>
    <definedName name="_______QUA010505">#REF!</definedName>
    <definedName name="_______QUA010509" localSheetId="2">#REF!</definedName>
    <definedName name="_______QUA010509">#REF!</definedName>
    <definedName name="_______QUA010512" localSheetId="2">#REF!</definedName>
    <definedName name="_______QUA010512">#REF!</definedName>
    <definedName name="_______QUA010518" localSheetId="2">#REF!</definedName>
    <definedName name="_______QUA010518">#REF!</definedName>
    <definedName name="_______QUA010519" localSheetId="2">#REF!</definedName>
    <definedName name="_______QUA010519">#REF!</definedName>
    <definedName name="_______QUA010521" localSheetId="2">#REF!</definedName>
    <definedName name="_______QUA010521">#REF!</definedName>
    <definedName name="_______QUA010523" localSheetId="2">#REF!</definedName>
    <definedName name="_______QUA010523">#REF!</definedName>
    <definedName name="_______QUA010532" localSheetId="2">#REF!</definedName>
    <definedName name="_______QUA010532">#REF!</definedName>
    <definedName name="_______QUA010533" localSheetId="2">#REF!</definedName>
    <definedName name="_______QUA010533">#REF!</definedName>
    <definedName name="_______QUA010536" localSheetId="2">#REF!</definedName>
    <definedName name="_______QUA010536">#REF!</definedName>
    <definedName name="_______QUA010701" localSheetId="2">#REF!</definedName>
    <definedName name="_______QUA010701">#REF!</definedName>
    <definedName name="_______QUA010703" localSheetId="2">#REF!</definedName>
    <definedName name="_______QUA010703">#REF!</definedName>
    <definedName name="_______QUA010705" localSheetId="2">#REF!</definedName>
    <definedName name="_______QUA010705">#REF!</definedName>
    <definedName name="_______QUA010708" localSheetId="2">#REF!</definedName>
    <definedName name="_______QUA010708">#REF!</definedName>
    <definedName name="_______QUA010710" localSheetId="2">#REF!</definedName>
    <definedName name="_______QUA010710">#REF!</definedName>
    <definedName name="_______QUA010712" localSheetId="2">#REF!</definedName>
    <definedName name="_______QUA010712">#REF!</definedName>
    <definedName name="_______QUA010717" localSheetId="2">#REF!</definedName>
    <definedName name="_______QUA010717">#REF!</definedName>
    <definedName name="_______QUA010718" localSheetId="2">#REF!</definedName>
    <definedName name="_______QUA010718">#REF!</definedName>
    <definedName name="_______QUA020201" localSheetId="2">#REF!</definedName>
    <definedName name="_______QUA020201">#REF!</definedName>
    <definedName name="_______QUA020205" localSheetId="2">#REF!</definedName>
    <definedName name="_______QUA020205">#REF!</definedName>
    <definedName name="_______QUA020211" localSheetId="2">#REF!</definedName>
    <definedName name="_______QUA020211">#REF!</definedName>
    <definedName name="_______QUA020217" localSheetId="2">#REF!</definedName>
    <definedName name="_______QUA020217">#REF!</definedName>
    <definedName name="_______QUA030102" localSheetId="2">#REF!</definedName>
    <definedName name="_______QUA030102">#REF!</definedName>
    <definedName name="_______QUA030201" localSheetId="2">#REF!</definedName>
    <definedName name="_______QUA030201">#REF!</definedName>
    <definedName name="_______QUA030303" localSheetId="2">#REF!</definedName>
    <definedName name="_______QUA030303">#REF!</definedName>
    <definedName name="_______QUA030317" localSheetId="2">#REF!</definedName>
    <definedName name="_______QUA030317">#REF!</definedName>
    <definedName name="_______QUA040101" localSheetId="2">#REF!</definedName>
    <definedName name="_______QUA040101">#REF!</definedName>
    <definedName name="_______QUA040202" localSheetId="2">#REF!</definedName>
    <definedName name="_______QUA040202">#REF!</definedName>
    <definedName name="_______QUA050103" localSheetId="2">#REF!</definedName>
    <definedName name="_______QUA050103">#REF!</definedName>
    <definedName name="_______QUA050207" localSheetId="2">#REF!</definedName>
    <definedName name="_______QUA050207">#REF!</definedName>
    <definedName name="_______QUA060101" localSheetId="2">#REF!</definedName>
    <definedName name="_______QUA060101">#REF!</definedName>
    <definedName name="_______QUA080101" localSheetId="2">#REF!</definedName>
    <definedName name="_______QUA080101">#REF!</definedName>
    <definedName name="_______QUA080310" localSheetId="2">#REF!</definedName>
    <definedName name="_______QUA080310">#REF!</definedName>
    <definedName name="_______QUA090101" localSheetId="2">#REF!</definedName>
    <definedName name="_______QUA090101">#REF!</definedName>
    <definedName name="_______QUA100302" localSheetId="2">#REF!</definedName>
    <definedName name="_______QUA100302">#REF!</definedName>
    <definedName name="_______QUA110101" localSheetId="2">#REF!</definedName>
    <definedName name="_______QUA110101">#REF!</definedName>
    <definedName name="_______QUA110104" localSheetId="2">#REF!</definedName>
    <definedName name="_______QUA110104">#REF!</definedName>
    <definedName name="_______QUA110107" localSheetId="2">#REF!</definedName>
    <definedName name="_______QUA110107">#REF!</definedName>
    <definedName name="_______QUA120101" localSheetId="2">#REF!</definedName>
    <definedName name="_______QUA120101">#REF!</definedName>
    <definedName name="_______QUA120105" localSheetId="2">#REF!</definedName>
    <definedName name="_______QUA120105">#REF!</definedName>
    <definedName name="_______QUA120106" localSheetId="2">#REF!</definedName>
    <definedName name="_______QUA120106">#REF!</definedName>
    <definedName name="_______QUA120107" localSheetId="2">#REF!</definedName>
    <definedName name="_______QUA120107">#REF!</definedName>
    <definedName name="_______QUA120110" localSheetId="2">#REF!</definedName>
    <definedName name="_______QUA120110">#REF!</definedName>
    <definedName name="_______QUA120150" localSheetId="2">#REF!</definedName>
    <definedName name="_______QUA120150">#REF!</definedName>
    <definedName name="_______QUA130101" localSheetId="2">#REF!</definedName>
    <definedName name="_______QUA130101">#REF!</definedName>
    <definedName name="_______QUA130103" localSheetId="2">#REF!</definedName>
    <definedName name="_______QUA130103">#REF!</definedName>
    <definedName name="_______QUA130304" localSheetId="2">#REF!</definedName>
    <definedName name="_______QUA130304">#REF!</definedName>
    <definedName name="_______QUA130401" localSheetId="2">#REF!</definedName>
    <definedName name="_______QUA130401">#REF!</definedName>
    <definedName name="_______QUA140102" localSheetId="2">#REF!</definedName>
    <definedName name="_______QUA140102">#REF!</definedName>
    <definedName name="_______QUA140109" localSheetId="2">#REF!</definedName>
    <definedName name="_______QUA140109">#REF!</definedName>
    <definedName name="_______QUA140113" localSheetId="2">#REF!</definedName>
    <definedName name="_______QUA140113">#REF!</definedName>
    <definedName name="_______QUA140122" localSheetId="2">#REF!</definedName>
    <definedName name="_______QUA140122">#REF!</definedName>
    <definedName name="_______QUA140126" localSheetId="2">#REF!</definedName>
    <definedName name="_______QUA140126">#REF!</definedName>
    <definedName name="_______QUA140129" localSheetId="2">#REF!</definedName>
    <definedName name="_______QUA140129">#REF!</definedName>
    <definedName name="_______QUA140135" localSheetId="2">#REF!</definedName>
    <definedName name="_______QUA140135">#REF!</definedName>
    <definedName name="_______QUA140143" localSheetId="2">#REF!</definedName>
    <definedName name="_______QUA140143">#REF!</definedName>
    <definedName name="_______QUA140145" localSheetId="2">#REF!</definedName>
    <definedName name="_______QUA140145">#REF!</definedName>
    <definedName name="_______QUA150130" localSheetId="2">#REF!</definedName>
    <definedName name="_______QUA150130">#REF!</definedName>
    <definedName name="_______QUA170101" localSheetId="2">#REF!</definedName>
    <definedName name="_______QUA170101">#REF!</definedName>
    <definedName name="_______QUA170102" localSheetId="2">#REF!</definedName>
    <definedName name="_______QUA170102">#REF!</definedName>
    <definedName name="_______QUA170103" localSheetId="2">#REF!</definedName>
    <definedName name="_______QUA170103">#REF!</definedName>
    <definedName name="_______REC11100" localSheetId="2">#REF!</definedName>
    <definedName name="_______REC11100">#REF!</definedName>
    <definedName name="_______REC11110" localSheetId="2">#REF!</definedName>
    <definedName name="_______REC11110">#REF!</definedName>
    <definedName name="_______REC11115" localSheetId="2">#REF!</definedName>
    <definedName name="_______REC11115">#REF!</definedName>
    <definedName name="_______REC11125" localSheetId="2">#REF!</definedName>
    <definedName name="_______REC11125">#REF!</definedName>
    <definedName name="_______REC11130" localSheetId="2">#REF!</definedName>
    <definedName name="_______REC11130">#REF!</definedName>
    <definedName name="_______REC11135" localSheetId="2">#REF!</definedName>
    <definedName name="_______REC11135">#REF!</definedName>
    <definedName name="_______REC11145" localSheetId="2">#REF!</definedName>
    <definedName name="_______REC11145">#REF!</definedName>
    <definedName name="_______REC11150" localSheetId="2">#REF!</definedName>
    <definedName name="_______REC11150">#REF!</definedName>
    <definedName name="_______REC11165" localSheetId="2">#REF!</definedName>
    <definedName name="_______REC11165">#REF!</definedName>
    <definedName name="_______REC11170" localSheetId="2">#REF!</definedName>
    <definedName name="_______REC11170">#REF!</definedName>
    <definedName name="_______REC11180" localSheetId="2">#REF!</definedName>
    <definedName name="_______REC11180">#REF!</definedName>
    <definedName name="_______REC11185" localSheetId="2">#REF!</definedName>
    <definedName name="_______REC11185">#REF!</definedName>
    <definedName name="_______REC11220" localSheetId="2">#REF!</definedName>
    <definedName name="_______REC11220">#REF!</definedName>
    <definedName name="_______REC12105" localSheetId="2">#REF!</definedName>
    <definedName name="_______REC12105">#REF!</definedName>
    <definedName name="_______REC12555" localSheetId="2">#REF!</definedName>
    <definedName name="_______REC12555">#REF!</definedName>
    <definedName name="_______REC12570" localSheetId="2">#REF!</definedName>
    <definedName name="_______REC12570">#REF!</definedName>
    <definedName name="_______REC12575" localSheetId="2">#REF!</definedName>
    <definedName name="_______REC12575">#REF!</definedName>
    <definedName name="_______REC12580" localSheetId="2">#REF!</definedName>
    <definedName name="_______REC12580">#REF!</definedName>
    <definedName name="_______REC12600" localSheetId="2">#REF!</definedName>
    <definedName name="_______REC12600">#REF!</definedName>
    <definedName name="_______REC12610" localSheetId="2">#REF!</definedName>
    <definedName name="_______REC12610">#REF!</definedName>
    <definedName name="_______REC12630" localSheetId="2">#REF!</definedName>
    <definedName name="_______REC12630">#REF!</definedName>
    <definedName name="_______REC12631" localSheetId="2">#REF!</definedName>
    <definedName name="_______REC12631">#REF!</definedName>
    <definedName name="_______REC12640" localSheetId="2">#REF!</definedName>
    <definedName name="_______REC12640">#REF!</definedName>
    <definedName name="_______REC12645" localSheetId="2">#REF!</definedName>
    <definedName name="_______REC12645">#REF!</definedName>
    <definedName name="_______REC12665" localSheetId="2">#REF!</definedName>
    <definedName name="_______REC12665">#REF!</definedName>
    <definedName name="_______REC12690" localSheetId="2">#REF!</definedName>
    <definedName name="_______REC12690">#REF!</definedName>
    <definedName name="_______REC12700" localSheetId="2">#REF!</definedName>
    <definedName name="_______REC12700">#REF!</definedName>
    <definedName name="_______REC12710" localSheetId="2">#REF!</definedName>
    <definedName name="_______REC12710">#REF!</definedName>
    <definedName name="_______REC13111" localSheetId="2">#REF!</definedName>
    <definedName name="_______REC13111">#REF!</definedName>
    <definedName name="_______REC13121" localSheetId="2">#REF!</definedName>
    <definedName name="_______REC13121">#REF!</definedName>
    <definedName name="_______REC13720" localSheetId="2">#REF!</definedName>
    <definedName name="_______REC13720">#REF!</definedName>
    <definedName name="_______REC14100" localSheetId="2">#REF!</definedName>
    <definedName name="_______REC14100">#REF!</definedName>
    <definedName name="_______REC14161" localSheetId="2">#REF!</definedName>
    <definedName name="_______REC14161">#REF!</definedName>
    <definedName name="_______REC14195" localSheetId="2">#REF!</definedName>
    <definedName name="_______REC14195">#REF!</definedName>
    <definedName name="_______REC14205" localSheetId="2">#REF!</definedName>
    <definedName name="_______REC14205">#REF!</definedName>
    <definedName name="_______REC14260" localSheetId="2">#REF!</definedName>
    <definedName name="_______REC14260">#REF!</definedName>
    <definedName name="_______REC14500" localSheetId="2">#REF!</definedName>
    <definedName name="_______REC14500">#REF!</definedName>
    <definedName name="_______REC14515" localSheetId="2">#REF!</definedName>
    <definedName name="_______REC14515">#REF!</definedName>
    <definedName name="_______REC14555" localSheetId="2">#REF!</definedName>
    <definedName name="_______REC14555">#REF!</definedName>
    <definedName name="_______REC14565" localSheetId="2">#REF!</definedName>
    <definedName name="_______REC14565">#REF!</definedName>
    <definedName name="_______REC15135" localSheetId="2">#REF!</definedName>
    <definedName name="_______REC15135">#REF!</definedName>
    <definedName name="_______REC15140" localSheetId="2">#REF!</definedName>
    <definedName name="_______REC15140">#REF!</definedName>
    <definedName name="_______REC15195" localSheetId="2">#REF!</definedName>
    <definedName name="_______REC15195">#REF!</definedName>
    <definedName name="_______REC15225" localSheetId="2">#REF!</definedName>
    <definedName name="_______REC15225">#REF!</definedName>
    <definedName name="_______REC15230" localSheetId="2">#REF!</definedName>
    <definedName name="_______REC15230">#REF!</definedName>
    <definedName name="_______REC15515" localSheetId="2">#REF!</definedName>
    <definedName name="_______REC15515">#REF!</definedName>
    <definedName name="_______REC15560" localSheetId="2">#REF!</definedName>
    <definedName name="_______REC15560">#REF!</definedName>
    <definedName name="_______REC15565" localSheetId="2">#REF!</definedName>
    <definedName name="_______REC15565">#REF!</definedName>
    <definedName name="_______REC15570" localSheetId="2">#REF!</definedName>
    <definedName name="_______REC15570">#REF!</definedName>
    <definedName name="_______REC15575" localSheetId="2">#REF!</definedName>
    <definedName name="_______REC15575">#REF!</definedName>
    <definedName name="_______REC15583" localSheetId="2">#REF!</definedName>
    <definedName name="_______REC15583">#REF!</definedName>
    <definedName name="_______REC15590" localSheetId="2">#REF!</definedName>
    <definedName name="_______REC15590">#REF!</definedName>
    <definedName name="_______REC15591" localSheetId="2">#REF!</definedName>
    <definedName name="_______REC15591">#REF!</definedName>
    <definedName name="_______REC15610" localSheetId="2">#REF!</definedName>
    <definedName name="_______REC15610">#REF!</definedName>
    <definedName name="_______REC15625" localSheetId="2">#REF!</definedName>
    <definedName name="_______REC15625">#REF!</definedName>
    <definedName name="_______REC15635" localSheetId="2">#REF!</definedName>
    <definedName name="_______REC15635">#REF!</definedName>
    <definedName name="_______REC15655" localSheetId="2">#REF!</definedName>
    <definedName name="_______REC15655">#REF!</definedName>
    <definedName name="_______REC15665" localSheetId="2">#REF!</definedName>
    <definedName name="_______REC15665">#REF!</definedName>
    <definedName name="_______REC16515" localSheetId="2">#REF!</definedName>
    <definedName name="_______REC16515">#REF!</definedName>
    <definedName name="_______REC16535" localSheetId="2">#REF!</definedName>
    <definedName name="_______REC16535">#REF!</definedName>
    <definedName name="_______REC17140" localSheetId="2">#REF!</definedName>
    <definedName name="_______REC17140">#REF!</definedName>
    <definedName name="_______REC19500" localSheetId="2">#REF!</definedName>
    <definedName name="_______REC19500">#REF!</definedName>
    <definedName name="_______REC19501" localSheetId="2">#REF!</definedName>
    <definedName name="_______REC19501">#REF!</definedName>
    <definedName name="_______REC19502" localSheetId="2">#REF!</definedName>
    <definedName name="_______REC19502">#REF!</definedName>
    <definedName name="_______REC19503" localSheetId="2">#REF!</definedName>
    <definedName name="_______REC19503">#REF!</definedName>
    <definedName name="_______REC19504" localSheetId="2">#REF!</definedName>
    <definedName name="_______REC19504">#REF!</definedName>
    <definedName name="_______REC19505" localSheetId="2">#REF!</definedName>
    <definedName name="_______REC19505">#REF!</definedName>
    <definedName name="_______REC20100" localSheetId="2">#REF!</definedName>
    <definedName name="_______REC20100">#REF!</definedName>
    <definedName name="_______REC20105" localSheetId="2">#REF!</definedName>
    <definedName name="_______REC20105">#REF!</definedName>
    <definedName name="_______REC20110" localSheetId="2">#REF!</definedName>
    <definedName name="_______REC20110">#REF!</definedName>
    <definedName name="_______REC20115" localSheetId="2">#REF!</definedName>
    <definedName name="_______REC20115">#REF!</definedName>
    <definedName name="_______REC20130" localSheetId="2">#REF!</definedName>
    <definedName name="_______REC20130">#REF!</definedName>
    <definedName name="_______REC20135" localSheetId="2">#REF!</definedName>
    <definedName name="_______REC20135">#REF!</definedName>
    <definedName name="_______REC20140" localSheetId="2">#REF!</definedName>
    <definedName name="_______REC20140">#REF!</definedName>
    <definedName name="_______REC20145" localSheetId="2">#REF!</definedName>
    <definedName name="_______REC20145">#REF!</definedName>
    <definedName name="_______REC20150" localSheetId="2">#REF!</definedName>
    <definedName name="_______REC20150">#REF!</definedName>
    <definedName name="_______REC20155" localSheetId="2">#REF!</definedName>
    <definedName name="_______REC20155">#REF!</definedName>
    <definedName name="_______REC20175" localSheetId="2">#REF!</definedName>
    <definedName name="_______REC20175">#REF!</definedName>
    <definedName name="_______REC20185" localSheetId="2">#REF!</definedName>
    <definedName name="_______REC20185">#REF!</definedName>
    <definedName name="_______REC20190" localSheetId="2">#REF!</definedName>
    <definedName name="_______REC20190">#REF!</definedName>
    <definedName name="_______REC20195" localSheetId="2">#REF!</definedName>
    <definedName name="_______REC20195">#REF!</definedName>
    <definedName name="_______REC20210" localSheetId="2">#REF!</definedName>
    <definedName name="_______REC20210">#REF!</definedName>
    <definedName name="_______RET1">[1]Regula!$J$36</definedName>
    <definedName name="_______svi2" localSheetId="2">#REF!</definedName>
    <definedName name="_______svi2">#REF!</definedName>
    <definedName name="_______TT102" localSheetId="2">'[2]Relatório-1ª med.'!#REF!</definedName>
    <definedName name="_______TT102">'[2]Relatório-1ª med.'!#REF!</definedName>
    <definedName name="_______TT107" localSheetId="2">'[2]Relatório-1ª med.'!#REF!</definedName>
    <definedName name="_______TT107">'[2]Relatório-1ª med.'!#REF!</definedName>
    <definedName name="_______TT121" localSheetId="2">'[2]Relatório-1ª med.'!#REF!</definedName>
    <definedName name="_______TT121">'[2]Relatório-1ª med.'!#REF!</definedName>
    <definedName name="_______TT123" localSheetId="2">'[2]Relatório-1ª med.'!#REF!</definedName>
    <definedName name="_______TT123">'[2]Relatório-1ª med.'!#REF!</definedName>
    <definedName name="_______TT19" localSheetId="2">'[2]Relatório-1ª med.'!#REF!</definedName>
    <definedName name="_______TT19">'[2]Relatório-1ª med.'!#REF!</definedName>
    <definedName name="_______TT20" localSheetId="2">'[2]Relatório-1ª med.'!#REF!</definedName>
    <definedName name="_______TT20">'[2]Relatório-1ª med.'!#REF!</definedName>
    <definedName name="_______TT21" localSheetId="2">'[2]Relatório-1ª med.'!#REF!</definedName>
    <definedName name="_______TT21">'[2]Relatório-1ª med.'!#REF!</definedName>
    <definedName name="_______TT22" localSheetId="2">'[2]Relatório-1ª med.'!#REF!</definedName>
    <definedName name="_______TT22">'[2]Relatório-1ª med.'!#REF!</definedName>
    <definedName name="_______TT26" localSheetId="2">'[2]Relatório-1ª med.'!#REF!</definedName>
    <definedName name="_______TT26">'[2]Relatório-1ª med.'!#REF!</definedName>
    <definedName name="_______TT27" localSheetId="2">'[2]Relatório-1ª med.'!#REF!</definedName>
    <definedName name="_______TT27">'[2]Relatório-1ª med.'!#REF!</definedName>
    <definedName name="_______TT28" localSheetId="2">'[2]Relatório-1ª med.'!#REF!</definedName>
    <definedName name="_______TT28">'[2]Relatório-1ª med.'!#REF!</definedName>
    <definedName name="_______TT30" localSheetId="2">'[2]Relatório-1ª med.'!#REF!</definedName>
    <definedName name="_______TT30">'[2]Relatório-1ª med.'!#REF!</definedName>
    <definedName name="_______TT31" localSheetId="2">'[2]Relatório-1ª med.'!#REF!</definedName>
    <definedName name="_______TT31">'[2]Relatório-1ª med.'!#REF!</definedName>
    <definedName name="_______TT32" localSheetId="2">'[2]Relatório-1ª med.'!#REF!</definedName>
    <definedName name="_______TT32">'[2]Relatório-1ª med.'!#REF!</definedName>
    <definedName name="_______TT33" localSheetId="2">'[2]Relatório-1ª med.'!#REF!</definedName>
    <definedName name="_______TT33">'[2]Relatório-1ª med.'!#REF!</definedName>
    <definedName name="_______TT34" localSheetId="2">'[2]Relatório-1ª med.'!#REF!</definedName>
    <definedName name="_______TT34">'[2]Relatório-1ª med.'!#REF!</definedName>
    <definedName name="_______TT36" localSheetId="2">'[2]Relatório-1ª med.'!#REF!</definedName>
    <definedName name="_______TT36">'[2]Relatório-1ª med.'!#REF!</definedName>
    <definedName name="_______TT37" localSheetId="2">'[2]Relatório-1ª med.'!#REF!</definedName>
    <definedName name="_______TT37">'[2]Relatório-1ª med.'!#REF!</definedName>
    <definedName name="_______TT38" localSheetId="2">'[2]Relatório-1ª med.'!#REF!</definedName>
    <definedName name="_______TT38">'[2]Relatório-1ª med.'!#REF!</definedName>
    <definedName name="_______TT39" localSheetId="2">'[2]Relatório-1ª med.'!#REF!</definedName>
    <definedName name="_______TT39">'[2]Relatório-1ª med.'!#REF!</definedName>
    <definedName name="_______TT40" localSheetId="2">'[2]Relatório-1ª med.'!#REF!</definedName>
    <definedName name="_______TT40">'[2]Relatório-1ª med.'!#REF!</definedName>
    <definedName name="_______TT5" localSheetId="2">'[2]Relatório-1ª med.'!#REF!</definedName>
    <definedName name="_______TT5">'[2]Relatório-1ª med.'!#REF!</definedName>
    <definedName name="_______TT52" localSheetId="2">'[2]Relatório-1ª med.'!#REF!</definedName>
    <definedName name="_______TT52">'[2]Relatório-1ª med.'!#REF!</definedName>
    <definedName name="_______TT53" localSheetId="2">'[2]Relatório-1ª med.'!#REF!</definedName>
    <definedName name="_______TT53">'[2]Relatório-1ª med.'!#REF!</definedName>
    <definedName name="_______TT54" localSheetId="2">'[2]Relatório-1ª med.'!#REF!</definedName>
    <definedName name="_______TT54">'[2]Relatório-1ª med.'!#REF!</definedName>
    <definedName name="_______TT55" localSheetId="2">'[2]Relatório-1ª med.'!#REF!</definedName>
    <definedName name="_______TT55">'[2]Relatório-1ª med.'!#REF!</definedName>
    <definedName name="_______TT6" localSheetId="2">'[2]Relatório-1ª med.'!#REF!</definedName>
    <definedName name="_______TT6">'[2]Relatório-1ª med.'!#REF!</definedName>
    <definedName name="_______TT60" localSheetId="2">'[2]Relatório-1ª med.'!#REF!</definedName>
    <definedName name="_______TT60">'[2]Relatório-1ª med.'!#REF!</definedName>
    <definedName name="_______TT61" localSheetId="2">'[2]Relatório-1ª med.'!#REF!</definedName>
    <definedName name="_______TT61">'[2]Relatório-1ª med.'!#REF!</definedName>
    <definedName name="_______TT69" localSheetId="2">'[2]Relatório-1ª med.'!#REF!</definedName>
    <definedName name="_______TT69">'[2]Relatório-1ª med.'!#REF!</definedName>
    <definedName name="_______TT7" localSheetId="2">'[2]Relatório-1ª med.'!#REF!</definedName>
    <definedName name="_______TT7">'[2]Relatório-1ª med.'!#REF!</definedName>
    <definedName name="_______TT70" localSheetId="2">'[2]Relatório-1ª med.'!#REF!</definedName>
    <definedName name="_______TT70">'[2]Relatório-1ª med.'!#REF!</definedName>
    <definedName name="_______TT71" localSheetId="2">'[2]Relatório-1ª med.'!#REF!</definedName>
    <definedName name="_______TT71">'[2]Relatório-1ª med.'!#REF!</definedName>
    <definedName name="_______TT74" localSheetId="2">'[2]Relatório-1ª med.'!#REF!</definedName>
    <definedName name="_______TT74">'[2]Relatório-1ª med.'!#REF!</definedName>
    <definedName name="_______TT75" localSheetId="2">'[2]Relatório-1ª med.'!#REF!</definedName>
    <definedName name="_______TT75">'[2]Relatório-1ª med.'!#REF!</definedName>
    <definedName name="_______TT76" localSheetId="2">'[2]Relatório-1ª med.'!#REF!</definedName>
    <definedName name="_______TT76">'[2]Relatório-1ª med.'!#REF!</definedName>
    <definedName name="_______TT77" localSheetId="2">'[2]Relatório-1ª med.'!#REF!</definedName>
    <definedName name="_______TT77">'[2]Relatório-1ª med.'!#REF!</definedName>
    <definedName name="_______TT78" localSheetId="2">'[2]Relatório-1ª med.'!#REF!</definedName>
    <definedName name="_______TT78">'[2]Relatório-1ª med.'!#REF!</definedName>
    <definedName name="_______TT79" localSheetId="2">'[2]Relatório-1ª med.'!#REF!</definedName>
    <definedName name="_______TT79">'[2]Relatório-1ª med.'!#REF!</definedName>
    <definedName name="_______TT94" localSheetId="2">'[2]Relatório-1ª med.'!#REF!</definedName>
    <definedName name="_______TT94">'[2]Relatório-1ª med.'!#REF!</definedName>
    <definedName name="_______TT95" localSheetId="2">'[2]Relatório-1ª med.'!#REF!</definedName>
    <definedName name="_______TT95">'[2]Relatório-1ª med.'!#REF!</definedName>
    <definedName name="_______TT97" localSheetId="2">'[2]Relatório-1ª med.'!#REF!</definedName>
    <definedName name="_______TT97">'[2]Relatório-1ª med.'!#REF!</definedName>
    <definedName name="_______UNI11100" localSheetId="2">#REF!</definedName>
    <definedName name="_______UNI11100">#REF!</definedName>
    <definedName name="_______UNI11110" localSheetId="2">#REF!</definedName>
    <definedName name="_______UNI11110">#REF!</definedName>
    <definedName name="_______UNI11115" localSheetId="2">#REF!</definedName>
    <definedName name="_______UNI11115">#REF!</definedName>
    <definedName name="_______UNI11125" localSheetId="2">#REF!</definedName>
    <definedName name="_______UNI11125">#REF!</definedName>
    <definedName name="_______UNI11130" localSheetId="2">#REF!</definedName>
    <definedName name="_______UNI11130">#REF!</definedName>
    <definedName name="_______UNI11135" localSheetId="2">#REF!</definedName>
    <definedName name="_______UNI11135">#REF!</definedName>
    <definedName name="_______UNI11145" localSheetId="2">#REF!</definedName>
    <definedName name="_______UNI11145">#REF!</definedName>
    <definedName name="_______UNI11150" localSheetId="2">#REF!</definedName>
    <definedName name="_______UNI11150">#REF!</definedName>
    <definedName name="_______UNI11165" localSheetId="2">#REF!</definedName>
    <definedName name="_______UNI11165">#REF!</definedName>
    <definedName name="_______UNI11170" localSheetId="2">#REF!</definedName>
    <definedName name="_______UNI11170">#REF!</definedName>
    <definedName name="_______UNI11180" localSheetId="2">#REF!</definedName>
    <definedName name="_______UNI11180">#REF!</definedName>
    <definedName name="_______UNI11185" localSheetId="2">#REF!</definedName>
    <definedName name="_______UNI11185">#REF!</definedName>
    <definedName name="_______UNI11220" localSheetId="2">#REF!</definedName>
    <definedName name="_______UNI11220">#REF!</definedName>
    <definedName name="_______UNI12105" localSheetId="2">#REF!</definedName>
    <definedName name="_______UNI12105">#REF!</definedName>
    <definedName name="_______UNI12555" localSheetId="2">#REF!</definedName>
    <definedName name="_______UNI12555">#REF!</definedName>
    <definedName name="_______UNI12570" localSheetId="2">#REF!</definedName>
    <definedName name="_______UNI12570">#REF!</definedName>
    <definedName name="_______UNI12575" localSheetId="2">#REF!</definedName>
    <definedName name="_______UNI12575">#REF!</definedName>
    <definedName name="_______UNI12580" localSheetId="2">#REF!</definedName>
    <definedName name="_______UNI12580">#REF!</definedName>
    <definedName name="_______UNI12600" localSheetId="2">#REF!</definedName>
    <definedName name="_______UNI12600">#REF!</definedName>
    <definedName name="_______UNI12610" localSheetId="2">#REF!</definedName>
    <definedName name="_______UNI12610">#REF!</definedName>
    <definedName name="_______UNI12630" localSheetId="2">#REF!</definedName>
    <definedName name="_______UNI12630">#REF!</definedName>
    <definedName name="_______UNI12631" localSheetId="2">#REF!</definedName>
    <definedName name="_______UNI12631">#REF!</definedName>
    <definedName name="_______UNI12640" localSheetId="2">#REF!</definedName>
    <definedName name="_______UNI12640">#REF!</definedName>
    <definedName name="_______UNI12645" localSheetId="2">#REF!</definedName>
    <definedName name="_______UNI12645">#REF!</definedName>
    <definedName name="_______UNI12665" localSheetId="2">#REF!</definedName>
    <definedName name="_______UNI12665">#REF!</definedName>
    <definedName name="_______UNI12690" localSheetId="2">#REF!</definedName>
    <definedName name="_______UNI12690">#REF!</definedName>
    <definedName name="_______UNI12700" localSheetId="2">#REF!</definedName>
    <definedName name="_______UNI12700">#REF!</definedName>
    <definedName name="_______UNI12710" localSheetId="2">#REF!</definedName>
    <definedName name="_______UNI12710">#REF!</definedName>
    <definedName name="_______UNI13111" localSheetId="2">#REF!</definedName>
    <definedName name="_______UNI13111">#REF!</definedName>
    <definedName name="_______UNI13121" localSheetId="2">#REF!</definedName>
    <definedName name="_______UNI13121">#REF!</definedName>
    <definedName name="_______UNI13720" localSheetId="2">#REF!</definedName>
    <definedName name="_______UNI13720">#REF!</definedName>
    <definedName name="_______UNI14100" localSheetId="2">#REF!</definedName>
    <definedName name="_______UNI14100">#REF!</definedName>
    <definedName name="_______UNI14161" localSheetId="2">#REF!</definedName>
    <definedName name="_______UNI14161">#REF!</definedName>
    <definedName name="_______UNI14195" localSheetId="2">#REF!</definedName>
    <definedName name="_______UNI14195">#REF!</definedName>
    <definedName name="_______UNI14205" localSheetId="2">#REF!</definedName>
    <definedName name="_______UNI14205">#REF!</definedName>
    <definedName name="_______UNI14260" localSheetId="2">#REF!</definedName>
    <definedName name="_______UNI14260">#REF!</definedName>
    <definedName name="_______UNI14500" localSheetId="2">#REF!</definedName>
    <definedName name="_______UNI14500">#REF!</definedName>
    <definedName name="_______UNI14515" localSheetId="2">#REF!</definedName>
    <definedName name="_______UNI14515">#REF!</definedName>
    <definedName name="_______UNI14555" localSheetId="2">#REF!</definedName>
    <definedName name="_______UNI14555">#REF!</definedName>
    <definedName name="_______UNI14565" localSheetId="2">#REF!</definedName>
    <definedName name="_______UNI14565">#REF!</definedName>
    <definedName name="_______UNI15135" localSheetId="2">#REF!</definedName>
    <definedName name="_______UNI15135">#REF!</definedName>
    <definedName name="_______UNI15140" localSheetId="2">#REF!</definedName>
    <definedName name="_______UNI15140">#REF!</definedName>
    <definedName name="_______UNI15195" localSheetId="2">#REF!</definedName>
    <definedName name="_______UNI15195">#REF!</definedName>
    <definedName name="_______UNI15225" localSheetId="2">#REF!</definedName>
    <definedName name="_______UNI15225">#REF!</definedName>
    <definedName name="_______UNI15230" localSheetId="2">#REF!</definedName>
    <definedName name="_______UNI15230">#REF!</definedName>
    <definedName name="_______UNI15515" localSheetId="2">#REF!</definedName>
    <definedName name="_______UNI15515">#REF!</definedName>
    <definedName name="_______UNI15560" localSheetId="2">#REF!</definedName>
    <definedName name="_______UNI15560">#REF!</definedName>
    <definedName name="_______UNI15565" localSheetId="2">#REF!</definedName>
    <definedName name="_______UNI15565">#REF!</definedName>
    <definedName name="_______UNI15570" localSheetId="2">#REF!</definedName>
    <definedName name="_______UNI15570">#REF!</definedName>
    <definedName name="_______UNI15575" localSheetId="2">#REF!</definedName>
    <definedName name="_______UNI15575">#REF!</definedName>
    <definedName name="_______UNI15583" localSheetId="2">#REF!</definedName>
    <definedName name="_______UNI15583">#REF!</definedName>
    <definedName name="_______UNI15590" localSheetId="2">#REF!</definedName>
    <definedName name="_______UNI15590">#REF!</definedName>
    <definedName name="_______UNI15591" localSheetId="2">#REF!</definedName>
    <definedName name="_______UNI15591">#REF!</definedName>
    <definedName name="_______UNI15610" localSheetId="2">#REF!</definedName>
    <definedName name="_______UNI15610">#REF!</definedName>
    <definedName name="_______UNI15625" localSheetId="2">#REF!</definedName>
    <definedName name="_______UNI15625">#REF!</definedName>
    <definedName name="_______UNI15635" localSheetId="2">#REF!</definedName>
    <definedName name="_______UNI15635">#REF!</definedName>
    <definedName name="_______UNI15655" localSheetId="2">#REF!</definedName>
    <definedName name="_______UNI15655">#REF!</definedName>
    <definedName name="_______UNI15665" localSheetId="2">#REF!</definedName>
    <definedName name="_______UNI15665">#REF!</definedName>
    <definedName name="_______UNI16515" localSheetId="2">#REF!</definedName>
    <definedName name="_______UNI16515">#REF!</definedName>
    <definedName name="_______UNI16535" localSheetId="2">#REF!</definedName>
    <definedName name="_______UNI16535">#REF!</definedName>
    <definedName name="_______UNI17140" localSheetId="2">#REF!</definedName>
    <definedName name="_______UNI17140">#REF!</definedName>
    <definedName name="_______UNI19500" localSheetId="2">#REF!</definedName>
    <definedName name="_______UNI19500">#REF!</definedName>
    <definedName name="_______UNI19501" localSheetId="2">#REF!</definedName>
    <definedName name="_______UNI19501">#REF!</definedName>
    <definedName name="_______UNI19502" localSheetId="2">#REF!</definedName>
    <definedName name="_______UNI19502">#REF!</definedName>
    <definedName name="_______UNI19503" localSheetId="2">#REF!</definedName>
    <definedName name="_______UNI19503">#REF!</definedName>
    <definedName name="_______UNI19504" localSheetId="2">#REF!</definedName>
    <definedName name="_______UNI19504">#REF!</definedName>
    <definedName name="_______UNI19505" localSheetId="2">#REF!</definedName>
    <definedName name="_______UNI19505">#REF!</definedName>
    <definedName name="_______UNI20100" localSheetId="2">#REF!</definedName>
    <definedName name="_______UNI20100">#REF!</definedName>
    <definedName name="_______UNI20105" localSheetId="2">#REF!</definedName>
    <definedName name="_______UNI20105">#REF!</definedName>
    <definedName name="_______UNI20110" localSheetId="2">#REF!</definedName>
    <definedName name="_______UNI20110">#REF!</definedName>
    <definedName name="_______UNI20115" localSheetId="2">#REF!</definedName>
    <definedName name="_______UNI20115">#REF!</definedName>
    <definedName name="_______UNI20130" localSheetId="2">#REF!</definedName>
    <definedName name="_______UNI20130">#REF!</definedName>
    <definedName name="_______UNI20135" localSheetId="2">#REF!</definedName>
    <definedName name="_______UNI20135">#REF!</definedName>
    <definedName name="_______UNI20140" localSheetId="2">#REF!</definedName>
    <definedName name="_______UNI20140">#REF!</definedName>
    <definedName name="_______UNI20145" localSheetId="2">#REF!</definedName>
    <definedName name="_______UNI20145">#REF!</definedName>
    <definedName name="_______UNI20150" localSheetId="2">#REF!</definedName>
    <definedName name="_______UNI20150">#REF!</definedName>
    <definedName name="_______UNI20155" localSheetId="2">#REF!</definedName>
    <definedName name="_______UNI20155">#REF!</definedName>
    <definedName name="_______UNI20175" localSheetId="2">#REF!</definedName>
    <definedName name="_______UNI20175">#REF!</definedName>
    <definedName name="_______UNI20185" localSheetId="2">#REF!</definedName>
    <definedName name="_______UNI20185">#REF!</definedName>
    <definedName name="_______UNI20190" localSheetId="2">#REF!</definedName>
    <definedName name="_______UNI20190">#REF!</definedName>
    <definedName name="_______UNI20195" localSheetId="2">#REF!</definedName>
    <definedName name="_______UNI20195">#REF!</definedName>
    <definedName name="_______UNI20210" localSheetId="2">#REF!</definedName>
    <definedName name="_______UNI20210">#REF!</definedName>
    <definedName name="_______VAL11100" localSheetId="2">#REF!</definedName>
    <definedName name="_______VAL11100">#REF!</definedName>
    <definedName name="_______VAL11110" localSheetId="2">#REF!</definedName>
    <definedName name="_______VAL11110">#REF!</definedName>
    <definedName name="_______VAL11115" localSheetId="2">#REF!</definedName>
    <definedName name="_______VAL11115">#REF!</definedName>
    <definedName name="_______VAL11125" localSheetId="2">#REF!</definedName>
    <definedName name="_______VAL11125">#REF!</definedName>
    <definedName name="_______VAL11130" localSheetId="2">#REF!</definedName>
    <definedName name="_______VAL11130">#REF!</definedName>
    <definedName name="_______VAL11135" localSheetId="2">#REF!</definedName>
    <definedName name="_______VAL11135">#REF!</definedName>
    <definedName name="_______VAL11145" localSheetId="2">#REF!</definedName>
    <definedName name="_______VAL11145">#REF!</definedName>
    <definedName name="_______VAL11150" localSheetId="2">#REF!</definedName>
    <definedName name="_______VAL11150">#REF!</definedName>
    <definedName name="_______VAL11165" localSheetId="2">#REF!</definedName>
    <definedName name="_______VAL11165">#REF!</definedName>
    <definedName name="_______VAL11170" localSheetId="2">#REF!</definedName>
    <definedName name="_______VAL11170">#REF!</definedName>
    <definedName name="_______VAL11180" localSheetId="2">#REF!</definedName>
    <definedName name="_______VAL11180">#REF!</definedName>
    <definedName name="_______VAL11185" localSheetId="2">#REF!</definedName>
    <definedName name="_______VAL11185">#REF!</definedName>
    <definedName name="_______VAL11220" localSheetId="2">#REF!</definedName>
    <definedName name="_______VAL11220">#REF!</definedName>
    <definedName name="_______VAL12105" localSheetId="2">#REF!</definedName>
    <definedName name="_______VAL12105">#REF!</definedName>
    <definedName name="_______VAL12555" localSheetId="2">#REF!</definedName>
    <definedName name="_______VAL12555">#REF!</definedName>
    <definedName name="_______VAL12570" localSheetId="2">#REF!</definedName>
    <definedName name="_______VAL12570">#REF!</definedName>
    <definedName name="_______VAL12575" localSheetId="2">#REF!</definedName>
    <definedName name="_______VAL12575">#REF!</definedName>
    <definedName name="_______VAL12580" localSheetId="2">#REF!</definedName>
    <definedName name="_______VAL12580">#REF!</definedName>
    <definedName name="_______VAL12600" localSheetId="2">#REF!</definedName>
    <definedName name="_______VAL12600">#REF!</definedName>
    <definedName name="_______VAL12610" localSheetId="2">#REF!</definedName>
    <definedName name="_______VAL12610">#REF!</definedName>
    <definedName name="_______VAL12630" localSheetId="2">#REF!</definedName>
    <definedName name="_______VAL12630">#REF!</definedName>
    <definedName name="_______VAL12631" localSheetId="2">#REF!</definedName>
    <definedName name="_______VAL12631">#REF!</definedName>
    <definedName name="_______VAL12640" localSheetId="2">#REF!</definedName>
    <definedName name="_______VAL12640">#REF!</definedName>
    <definedName name="_______VAL12645" localSheetId="2">#REF!</definedName>
    <definedName name="_______VAL12645">#REF!</definedName>
    <definedName name="_______VAL12665" localSheetId="2">#REF!</definedName>
    <definedName name="_______VAL12665">#REF!</definedName>
    <definedName name="_______VAL12690" localSheetId="2">#REF!</definedName>
    <definedName name="_______VAL12690">#REF!</definedName>
    <definedName name="_______VAL12700" localSheetId="2">#REF!</definedName>
    <definedName name="_______VAL12700">#REF!</definedName>
    <definedName name="_______VAL12710" localSheetId="2">#REF!</definedName>
    <definedName name="_______VAL12710">#REF!</definedName>
    <definedName name="_______VAL13111" localSheetId="2">#REF!</definedName>
    <definedName name="_______VAL13111">#REF!</definedName>
    <definedName name="_______VAL13121" localSheetId="2">#REF!</definedName>
    <definedName name="_______VAL13121">#REF!</definedName>
    <definedName name="_______VAL13720" localSheetId="2">#REF!</definedName>
    <definedName name="_______VAL13720">#REF!</definedName>
    <definedName name="_______VAL14100" localSheetId="2">#REF!</definedName>
    <definedName name="_______VAL14100">#REF!</definedName>
    <definedName name="_______VAL14161" localSheetId="2">#REF!</definedName>
    <definedName name="_______VAL14161">#REF!</definedName>
    <definedName name="_______VAL14195" localSheetId="2">#REF!</definedName>
    <definedName name="_______VAL14195">#REF!</definedName>
    <definedName name="_______VAL14205" localSheetId="2">#REF!</definedName>
    <definedName name="_______VAL14205">#REF!</definedName>
    <definedName name="_______VAL14260" localSheetId="2">#REF!</definedName>
    <definedName name="_______VAL14260">#REF!</definedName>
    <definedName name="_______VAL14500" localSheetId="2">#REF!</definedName>
    <definedName name="_______VAL14500">#REF!</definedName>
    <definedName name="_______VAL14515" localSheetId="2">#REF!</definedName>
    <definedName name="_______VAL14515">#REF!</definedName>
    <definedName name="_______VAL14555" localSheetId="2">#REF!</definedName>
    <definedName name="_______VAL14555">#REF!</definedName>
    <definedName name="_______VAL14565" localSheetId="2">#REF!</definedName>
    <definedName name="_______VAL14565">#REF!</definedName>
    <definedName name="_______VAL15135" localSheetId="2">#REF!</definedName>
    <definedName name="_______VAL15135">#REF!</definedName>
    <definedName name="_______VAL15140" localSheetId="2">#REF!</definedName>
    <definedName name="_______VAL15140">#REF!</definedName>
    <definedName name="_______VAL15195" localSheetId="2">#REF!</definedName>
    <definedName name="_______VAL15195">#REF!</definedName>
    <definedName name="_______VAL15225" localSheetId="2">#REF!</definedName>
    <definedName name="_______VAL15225">#REF!</definedName>
    <definedName name="_______VAL15230" localSheetId="2">#REF!</definedName>
    <definedName name="_______VAL15230">#REF!</definedName>
    <definedName name="_______VAL15515" localSheetId="2">#REF!</definedName>
    <definedName name="_______VAL15515">#REF!</definedName>
    <definedName name="_______VAL15560" localSheetId="2">#REF!</definedName>
    <definedName name="_______VAL15560">#REF!</definedName>
    <definedName name="_______VAL15565" localSheetId="2">#REF!</definedName>
    <definedName name="_______VAL15565">#REF!</definedName>
    <definedName name="_______VAL15570" localSheetId="2">#REF!</definedName>
    <definedName name="_______VAL15570">#REF!</definedName>
    <definedName name="_______VAL15575" localSheetId="2">#REF!</definedName>
    <definedName name="_______VAL15575">#REF!</definedName>
    <definedName name="_______VAL15583" localSheetId="2">#REF!</definedName>
    <definedName name="_______VAL15583">#REF!</definedName>
    <definedName name="_______VAL15590" localSheetId="2">#REF!</definedName>
    <definedName name="_______VAL15590">#REF!</definedName>
    <definedName name="_______VAL15591" localSheetId="2">#REF!</definedName>
    <definedName name="_______VAL15591">#REF!</definedName>
    <definedName name="_______VAL15610" localSheetId="2">#REF!</definedName>
    <definedName name="_______VAL15610">#REF!</definedName>
    <definedName name="_______VAL15625" localSheetId="2">#REF!</definedName>
    <definedName name="_______VAL15625">#REF!</definedName>
    <definedName name="_______VAL15635" localSheetId="2">#REF!</definedName>
    <definedName name="_______VAL15635">#REF!</definedName>
    <definedName name="_______VAL15655" localSheetId="2">#REF!</definedName>
    <definedName name="_______VAL15655">#REF!</definedName>
    <definedName name="_______VAL15665" localSheetId="2">#REF!</definedName>
    <definedName name="_______VAL15665">#REF!</definedName>
    <definedName name="_______VAL16515" localSheetId="2">#REF!</definedName>
    <definedName name="_______VAL16515">#REF!</definedName>
    <definedName name="_______VAL16535" localSheetId="2">#REF!</definedName>
    <definedName name="_______VAL16535">#REF!</definedName>
    <definedName name="_______VAL17140" localSheetId="2">#REF!</definedName>
    <definedName name="_______VAL17140">#REF!</definedName>
    <definedName name="_______VAL19500" localSheetId="2">#REF!</definedName>
    <definedName name="_______VAL19500">#REF!</definedName>
    <definedName name="_______VAL19501" localSheetId="2">#REF!</definedName>
    <definedName name="_______VAL19501">#REF!</definedName>
    <definedName name="_______VAL19502" localSheetId="2">#REF!</definedName>
    <definedName name="_______VAL19502">#REF!</definedName>
    <definedName name="_______VAL19503" localSheetId="2">#REF!</definedName>
    <definedName name="_______VAL19503">#REF!</definedName>
    <definedName name="_______VAL19504" localSheetId="2">#REF!</definedName>
    <definedName name="_______VAL19504">#REF!</definedName>
    <definedName name="_______VAL19505" localSheetId="2">#REF!</definedName>
    <definedName name="_______VAL19505">#REF!</definedName>
    <definedName name="_______VAL20100" localSheetId="2">#REF!</definedName>
    <definedName name="_______VAL20100">#REF!</definedName>
    <definedName name="_______VAL20105" localSheetId="2">#REF!</definedName>
    <definedName name="_______VAL20105">#REF!</definedName>
    <definedName name="_______VAL20110" localSheetId="2">#REF!</definedName>
    <definedName name="_______VAL20110">#REF!</definedName>
    <definedName name="_______VAL20115" localSheetId="2">#REF!</definedName>
    <definedName name="_______VAL20115">#REF!</definedName>
    <definedName name="_______VAL20130" localSheetId="2">#REF!</definedName>
    <definedName name="_______VAL20130">#REF!</definedName>
    <definedName name="_______VAL20135" localSheetId="2">#REF!</definedName>
    <definedName name="_______VAL20135">#REF!</definedName>
    <definedName name="_______VAL20140" localSheetId="2">#REF!</definedName>
    <definedName name="_______VAL20140">#REF!</definedName>
    <definedName name="_______VAL20145" localSheetId="2">#REF!</definedName>
    <definedName name="_______VAL20145">#REF!</definedName>
    <definedName name="_______VAL20150" localSheetId="2">#REF!</definedName>
    <definedName name="_______VAL20150">#REF!</definedName>
    <definedName name="_______VAL20155" localSheetId="2">#REF!</definedName>
    <definedName name="_______VAL20155">#REF!</definedName>
    <definedName name="_______VAL20175" localSheetId="2">#REF!</definedName>
    <definedName name="_______VAL20175">#REF!</definedName>
    <definedName name="_______VAL20185" localSheetId="2">#REF!</definedName>
    <definedName name="_______VAL20185">#REF!</definedName>
    <definedName name="_______VAL20190" localSheetId="2">#REF!</definedName>
    <definedName name="_______VAL20190">#REF!</definedName>
    <definedName name="_______VAL20195" localSheetId="2">#REF!</definedName>
    <definedName name="_______VAL20195">#REF!</definedName>
    <definedName name="_______VAL20210" localSheetId="2">#REF!</definedName>
    <definedName name="_______VAL20210">#REF!</definedName>
    <definedName name="______A1" localSheetId="2">#REF!</definedName>
    <definedName name="______A1">#REF!</definedName>
    <definedName name="______cab1" localSheetId="2">#REF!</definedName>
    <definedName name="______cab1">#REF!</definedName>
    <definedName name="______COM010201" localSheetId="2">#REF!</definedName>
    <definedName name="______COM010201">#REF!</definedName>
    <definedName name="______COM010202" localSheetId="2">#REF!</definedName>
    <definedName name="______COM010202">#REF!</definedName>
    <definedName name="______COM010205" localSheetId="2">#REF!</definedName>
    <definedName name="______COM010205">#REF!</definedName>
    <definedName name="______COM010206" localSheetId="2">#REF!</definedName>
    <definedName name="______COM010206">#REF!</definedName>
    <definedName name="______COM010210" localSheetId="2">#REF!</definedName>
    <definedName name="______COM010210">#REF!</definedName>
    <definedName name="______COM010301" localSheetId="2">#REF!</definedName>
    <definedName name="______COM010301">#REF!</definedName>
    <definedName name="______COM010401" localSheetId="2">#REF!</definedName>
    <definedName name="______COM010401">#REF!</definedName>
    <definedName name="______COM010402" localSheetId="2">#REF!</definedName>
    <definedName name="______COM010402">#REF!</definedName>
    <definedName name="______COM010407" localSheetId="2">#REF!</definedName>
    <definedName name="______COM010407">#REF!</definedName>
    <definedName name="______COM010413" localSheetId="2">#REF!</definedName>
    <definedName name="______COM010413">#REF!</definedName>
    <definedName name="______COM010501" localSheetId="2">#REF!</definedName>
    <definedName name="______COM010501">#REF!</definedName>
    <definedName name="______COM010503" localSheetId="2">#REF!</definedName>
    <definedName name="______COM010503">#REF!</definedName>
    <definedName name="______COM010505" localSheetId="2">#REF!</definedName>
    <definedName name="______COM010505">#REF!</definedName>
    <definedName name="______COM010509" localSheetId="2">#REF!</definedName>
    <definedName name="______COM010509">#REF!</definedName>
    <definedName name="______COM010512" localSheetId="2">#REF!</definedName>
    <definedName name="______COM010512">#REF!</definedName>
    <definedName name="______COM010518" localSheetId="2">#REF!</definedName>
    <definedName name="______COM010518">#REF!</definedName>
    <definedName name="______COM010519" localSheetId="2">#REF!</definedName>
    <definedName name="______COM010519">#REF!</definedName>
    <definedName name="______COM010521" localSheetId="2">#REF!</definedName>
    <definedName name="______COM010521">#REF!</definedName>
    <definedName name="______COM010523" localSheetId="2">#REF!</definedName>
    <definedName name="______COM010523">#REF!</definedName>
    <definedName name="______COM010532" localSheetId="2">#REF!</definedName>
    <definedName name="______COM010532">#REF!</definedName>
    <definedName name="______COM010533" localSheetId="2">#REF!</definedName>
    <definedName name="______COM010533">#REF!</definedName>
    <definedName name="______COM010536" localSheetId="2">#REF!</definedName>
    <definedName name="______COM010536">#REF!</definedName>
    <definedName name="______COM010701" localSheetId="2">#REF!</definedName>
    <definedName name="______COM010701">#REF!</definedName>
    <definedName name="______COM010703" localSheetId="2">#REF!</definedName>
    <definedName name="______COM010703">#REF!</definedName>
    <definedName name="______COM010705" localSheetId="2">#REF!</definedName>
    <definedName name="______COM010705">#REF!</definedName>
    <definedName name="______COM010708" localSheetId="2">#REF!</definedName>
    <definedName name="______COM010708">#REF!</definedName>
    <definedName name="______COM010710" localSheetId="2">#REF!</definedName>
    <definedName name="______COM010710">#REF!</definedName>
    <definedName name="______COM010712" localSheetId="2">#REF!</definedName>
    <definedName name="______COM010712">#REF!</definedName>
    <definedName name="______COM010717" localSheetId="2">#REF!</definedName>
    <definedName name="______COM010717">#REF!</definedName>
    <definedName name="______COM010718" localSheetId="2">#REF!</definedName>
    <definedName name="______COM010718">#REF!</definedName>
    <definedName name="______COM020201" localSheetId="2">#REF!</definedName>
    <definedName name="______COM020201">#REF!</definedName>
    <definedName name="______COM020205" localSheetId="2">#REF!</definedName>
    <definedName name="______COM020205">#REF!</definedName>
    <definedName name="______COM020211" localSheetId="2">#REF!</definedName>
    <definedName name="______COM020211">#REF!</definedName>
    <definedName name="______COM020217" localSheetId="2">#REF!</definedName>
    <definedName name="______COM020217">#REF!</definedName>
    <definedName name="______COM030102" localSheetId="2">#REF!</definedName>
    <definedName name="______COM030102">#REF!</definedName>
    <definedName name="______COM030201" localSheetId="2">#REF!</definedName>
    <definedName name="______COM030201">#REF!</definedName>
    <definedName name="______COM030303" localSheetId="2">#REF!</definedName>
    <definedName name="______COM030303">#REF!</definedName>
    <definedName name="______COM030317" localSheetId="2">#REF!</definedName>
    <definedName name="______COM030317">#REF!</definedName>
    <definedName name="______COM040101" localSheetId="2">#REF!</definedName>
    <definedName name="______COM040101">#REF!</definedName>
    <definedName name="______COM040202" localSheetId="2">#REF!</definedName>
    <definedName name="______COM040202">#REF!</definedName>
    <definedName name="______COM050103" localSheetId="2">#REF!</definedName>
    <definedName name="______COM050103">#REF!</definedName>
    <definedName name="______COM050207" localSheetId="2">#REF!</definedName>
    <definedName name="______COM050207">#REF!</definedName>
    <definedName name="______COM060101" localSheetId="2">#REF!</definedName>
    <definedName name="______COM060101">#REF!</definedName>
    <definedName name="______COM080101" localSheetId="2">#REF!</definedName>
    <definedName name="______COM080101">#REF!</definedName>
    <definedName name="______COM080310" localSheetId="2">#REF!</definedName>
    <definedName name="______COM080310">#REF!</definedName>
    <definedName name="______COM090101" localSheetId="2">#REF!</definedName>
    <definedName name="______COM090101">#REF!</definedName>
    <definedName name="______COM100302" localSheetId="2">#REF!</definedName>
    <definedName name="______COM100302">#REF!</definedName>
    <definedName name="______COM110101" localSheetId="2">#REF!</definedName>
    <definedName name="______COM110101">#REF!</definedName>
    <definedName name="______COM110104" localSheetId="2">#REF!</definedName>
    <definedName name="______COM110104">#REF!</definedName>
    <definedName name="______COM110107" localSheetId="2">#REF!</definedName>
    <definedName name="______COM110107">#REF!</definedName>
    <definedName name="______COM120101" localSheetId="2">#REF!</definedName>
    <definedName name="______COM120101">#REF!</definedName>
    <definedName name="______COM120105" localSheetId="2">#REF!</definedName>
    <definedName name="______COM120105">#REF!</definedName>
    <definedName name="______COM120106" localSheetId="2">#REF!</definedName>
    <definedName name="______COM120106">#REF!</definedName>
    <definedName name="______COM120107" localSheetId="2">#REF!</definedName>
    <definedName name="______COM120107">#REF!</definedName>
    <definedName name="______COM120110" localSheetId="2">#REF!</definedName>
    <definedName name="______COM120110">#REF!</definedName>
    <definedName name="______COM120150" localSheetId="2">#REF!</definedName>
    <definedName name="______COM120150">#REF!</definedName>
    <definedName name="______COM130101" localSheetId="2">#REF!</definedName>
    <definedName name="______COM130101">#REF!</definedName>
    <definedName name="______COM130103" localSheetId="2">#REF!</definedName>
    <definedName name="______COM130103">#REF!</definedName>
    <definedName name="______COM130304" localSheetId="2">#REF!</definedName>
    <definedName name="______COM130304">#REF!</definedName>
    <definedName name="______COM130401" localSheetId="2">#REF!</definedName>
    <definedName name="______COM130401">#REF!</definedName>
    <definedName name="______COM140102" localSheetId="2">#REF!</definedName>
    <definedName name="______COM140102">#REF!</definedName>
    <definedName name="______COM140109" localSheetId="2">#REF!</definedName>
    <definedName name="______COM140109">#REF!</definedName>
    <definedName name="______COM140113" localSheetId="2">#REF!</definedName>
    <definedName name="______COM140113">#REF!</definedName>
    <definedName name="______COM140122" localSheetId="2">#REF!</definedName>
    <definedName name="______COM140122">#REF!</definedName>
    <definedName name="______COM140126" localSheetId="2">#REF!</definedName>
    <definedName name="______COM140126">#REF!</definedName>
    <definedName name="______COM140129" localSheetId="2">#REF!</definedName>
    <definedName name="______COM140129">#REF!</definedName>
    <definedName name="______COM140135" localSheetId="2">#REF!</definedName>
    <definedName name="______COM140135">#REF!</definedName>
    <definedName name="______COM140143" localSheetId="2">#REF!</definedName>
    <definedName name="______COM140143">#REF!</definedName>
    <definedName name="______COM140145" localSheetId="2">#REF!</definedName>
    <definedName name="______COM140145">#REF!</definedName>
    <definedName name="______COM150130" localSheetId="2">#REF!</definedName>
    <definedName name="______COM150130">#REF!</definedName>
    <definedName name="______COM170101" localSheetId="2">#REF!</definedName>
    <definedName name="______COM170101">#REF!</definedName>
    <definedName name="______COM170102" localSheetId="2">#REF!</definedName>
    <definedName name="______COM170102">#REF!</definedName>
    <definedName name="______COM170103" localSheetId="2">#REF!</definedName>
    <definedName name="______COM170103">#REF!</definedName>
    <definedName name="______GLB2" localSheetId="2">#REF!</definedName>
    <definedName name="______GLB2">#REF!</definedName>
    <definedName name="______i3" localSheetId="2">#REF!</definedName>
    <definedName name="______i3">#REF!</definedName>
    <definedName name="______MAO010201" localSheetId="2">#REF!</definedName>
    <definedName name="______MAO010201">#REF!</definedName>
    <definedName name="______MAO010202" localSheetId="2">#REF!</definedName>
    <definedName name="______MAO010202">#REF!</definedName>
    <definedName name="______MAO010205" localSheetId="2">#REF!</definedName>
    <definedName name="______MAO010205">#REF!</definedName>
    <definedName name="______MAO010206" localSheetId="2">#REF!</definedName>
    <definedName name="______MAO010206">#REF!</definedName>
    <definedName name="______MAO010210" localSheetId="2">#REF!</definedName>
    <definedName name="______MAO010210">#REF!</definedName>
    <definedName name="______MAO010401" localSheetId="2">#REF!</definedName>
    <definedName name="______MAO010401">#REF!</definedName>
    <definedName name="______MAO010402" localSheetId="2">#REF!</definedName>
    <definedName name="______MAO010402">#REF!</definedName>
    <definedName name="______MAO010407" localSheetId="2">#REF!</definedName>
    <definedName name="______MAO010407">#REF!</definedName>
    <definedName name="______MAO010413" localSheetId="2">#REF!</definedName>
    <definedName name="______MAO010413">#REF!</definedName>
    <definedName name="______MAO010501" localSheetId="2">#REF!</definedName>
    <definedName name="______MAO010501">#REF!</definedName>
    <definedName name="______MAO010503" localSheetId="2">#REF!</definedName>
    <definedName name="______MAO010503">#REF!</definedName>
    <definedName name="______MAO010505" localSheetId="2">#REF!</definedName>
    <definedName name="______MAO010505">#REF!</definedName>
    <definedName name="______MAO010509" localSheetId="2">#REF!</definedName>
    <definedName name="______MAO010509">#REF!</definedName>
    <definedName name="______MAO010512" localSheetId="2">#REF!</definedName>
    <definedName name="______MAO010512">#REF!</definedName>
    <definedName name="______MAO010518" localSheetId="2">#REF!</definedName>
    <definedName name="______MAO010518">#REF!</definedName>
    <definedName name="______MAO010519" localSheetId="2">#REF!</definedName>
    <definedName name="______MAO010519">#REF!</definedName>
    <definedName name="______MAO010521" localSheetId="2">#REF!</definedName>
    <definedName name="______MAO010521">#REF!</definedName>
    <definedName name="______MAO010523" localSheetId="2">#REF!</definedName>
    <definedName name="______MAO010523">#REF!</definedName>
    <definedName name="______MAO010532" localSheetId="2">#REF!</definedName>
    <definedName name="______MAO010532">#REF!</definedName>
    <definedName name="______MAO010533" localSheetId="2">#REF!</definedName>
    <definedName name="______MAO010533">#REF!</definedName>
    <definedName name="______MAO010536" localSheetId="2">#REF!</definedName>
    <definedName name="______MAO010536">#REF!</definedName>
    <definedName name="______MAO010701" localSheetId="2">#REF!</definedName>
    <definedName name="______MAO010701">#REF!</definedName>
    <definedName name="______MAO010703" localSheetId="2">#REF!</definedName>
    <definedName name="______MAO010703">#REF!</definedName>
    <definedName name="______MAO010705" localSheetId="2">#REF!</definedName>
    <definedName name="______MAO010705">#REF!</definedName>
    <definedName name="______MAO010708" localSheetId="2">#REF!</definedName>
    <definedName name="______MAO010708">#REF!</definedName>
    <definedName name="______MAO010710" localSheetId="2">#REF!</definedName>
    <definedName name="______MAO010710">#REF!</definedName>
    <definedName name="______MAO010712" localSheetId="2">#REF!</definedName>
    <definedName name="______MAO010712">#REF!</definedName>
    <definedName name="______MAO010717" localSheetId="2">#REF!</definedName>
    <definedName name="______MAO010717">#REF!</definedName>
    <definedName name="______MAO020201" localSheetId="2">#REF!</definedName>
    <definedName name="______MAO020201">#REF!</definedName>
    <definedName name="______MAO020205" localSheetId="2">#REF!</definedName>
    <definedName name="______MAO020205">#REF!</definedName>
    <definedName name="______MAO020211" localSheetId="2">#REF!</definedName>
    <definedName name="______MAO020211">#REF!</definedName>
    <definedName name="______MAO020217" localSheetId="2">#REF!</definedName>
    <definedName name="______MAO020217">#REF!</definedName>
    <definedName name="______MAO030102" localSheetId="2">#REF!</definedName>
    <definedName name="______MAO030102">#REF!</definedName>
    <definedName name="______MAO030201" localSheetId="2">#REF!</definedName>
    <definedName name="______MAO030201">#REF!</definedName>
    <definedName name="______MAO030303" localSheetId="2">#REF!</definedName>
    <definedName name="______MAO030303">#REF!</definedName>
    <definedName name="______MAO030317" localSheetId="2">#REF!</definedName>
    <definedName name="______MAO030317">#REF!</definedName>
    <definedName name="______MAO040101" localSheetId="2">#REF!</definedName>
    <definedName name="______MAO040101">#REF!</definedName>
    <definedName name="______MAO040202" localSheetId="2">#REF!</definedName>
    <definedName name="______MAO040202">#REF!</definedName>
    <definedName name="______MAO050103" localSheetId="2">#REF!</definedName>
    <definedName name="______MAO050103">#REF!</definedName>
    <definedName name="______MAO050207" localSheetId="2">#REF!</definedName>
    <definedName name="______MAO050207">#REF!</definedName>
    <definedName name="______MAO060101" localSheetId="2">#REF!</definedName>
    <definedName name="______MAO060101">#REF!</definedName>
    <definedName name="______MAO080310" localSheetId="2">#REF!</definedName>
    <definedName name="______MAO080310">#REF!</definedName>
    <definedName name="______MAO090101" localSheetId="2">#REF!</definedName>
    <definedName name="______MAO090101">#REF!</definedName>
    <definedName name="______MAO110101" localSheetId="2">#REF!</definedName>
    <definedName name="______MAO110101">#REF!</definedName>
    <definedName name="______MAO110104" localSheetId="2">#REF!</definedName>
    <definedName name="______MAO110104">#REF!</definedName>
    <definedName name="______MAO110107" localSheetId="2">#REF!</definedName>
    <definedName name="______MAO110107">#REF!</definedName>
    <definedName name="______MAO120101" localSheetId="2">#REF!</definedName>
    <definedName name="______MAO120101">#REF!</definedName>
    <definedName name="______MAO120105" localSheetId="2">#REF!</definedName>
    <definedName name="______MAO120105">#REF!</definedName>
    <definedName name="______MAO120106" localSheetId="2">#REF!</definedName>
    <definedName name="______MAO120106">#REF!</definedName>
    <definedName name="______MAO120107" localSheetId="2">#REF!</definedName>
    <definedName name="______MAO120107">#REF!</definedName>
    <definedName name="______MAO120110" localSheetId="2">#REF!</definedName>
    <definedName name="______MAO120110">#REF!</definedName>
    <definedName name="______MAO120150" localSheetId="2">#REF!</definedName>
    <definedName name="______MAO120150">#REF!</definedName>
    <definedName name="______MAO130101" localSheetId="2">#REF!</definedName>
    <definedName name="______MAO130101">#REF!</definedName>
    <definedName name="______MAO130103" localSheetId="2">#REF!</definedName>
    <definedName name="______MAO130103">#REF!</definedName>
    <definedName name="______MAO130304" localSheetId="2">#REF!</definedName>
    <definedName name="______MAO130304">#REF!</definedName>
    <definedName name="______MAO130401" localSheetId="2">#REF!</definedName>
    <definedName name="______MAO130401">#REF!</definedName>
    <definedName name="______MAO140102" localSheetId="2">#REF!</definedName>
    <definedName name="______MAO140102">#REF!</definedName>
    <definedName name="______MAO140109" localSheetId="2">#REF!</definedName>
    <definedName name="______MAO140109">#REF!</definedName>
    <definedName name="______MAO140113" localSheetId="2">#REF!</definedName>
    <definedName name="______MAO140113">#REF!</definedName>
    <definedName name="______MAO140122" localSheetId="2">#REF!</definedName>
    <definedName name="______MAO140122">#REF!</definedName>
    <definedName name="______MAO140126" localSheetId="2">#REF!</definedName>
    <definedName name="______MAO140126">#REF!</definedName>
    <definedName name="______MAO140129" localSheetId="2">#REF!</definedName>
    <definedName name="______MAO140129">#REF!</definedName>
    <definedName name="______MAO140135" localSheetId="2">#REF!</definedName>
    <definedName name="______MAO140135">#REF!</definedName>
    <definedName name="______MAO140143" localSheetId="2">#REF!</definedName>
    <definedName name="______MAO140143">#REF!</definedName>
    <definedName name="______MAO140145" localSheetId="2">#REF!</definedName>
    <definedName name="______MAO140145">#REF!</definedName>
    <definedName name="______MAT010301" localSheetId="2">#REF!</definedName>
    <definedName name="______MAT010301">#REF!</definedName>
    <definedName name="______MAT010401" localSheetId="2">#REF!</definedName>
    <definedName name="______MAT010401">#REF!</definedName>
    <definedName name="______MAT010402" localSheetId="2">#REF!</definedName>
    <definedName name="______MAT010402">#REF!</definedName>
    <definedName name="______MAT010407" localSheetId="2">#REF!</definedName>
    <definedName name="______MAT010407">#REF!</definedName>
    <definedName name="______MAT010413" localSheetId="2">#REF!</definedName>
    <definedName name="______MAT010413">#REF!</definedName>
    <definedName name="______MAT010536" localSheetId="2">#REF!</definedName>
    <definedName name="______MAT010536">#REF!</definedName>
    <definedName name="______MAT010703" localSheetId="2">#REF!</definedName>
    <definedName name="______MAT010703">#REF!</definedName>
    <definedName name="______MAT010708" localSheetId="2">#REF!</definedName>
    <definedName name="______MAT010708">#REF!</definedName>
    <definedName name="______MAT010710" localSheetId="2">#REF!</definedName>
    <definedName name="______MAT010710">#REF!</definedName>
    <definedName name="______MAT010718" localSheetId="2">#REF!</definedName>
    <definedName name="______MAT010718">#REF!</definedName>
    <definedName name="______MAT020201" localSheetId="2">#REF!</definedName>
    <definedName name="______MAT020201">#REF!</definedName>
    <definedName name="______MAT020205" localSheetId="2">#REF!</definedName>
    <definedName name="______MAT020205">#REF!</definedName>
    <definedName name="______MAT020211" localSheetId="2">#REF!</definedName>
    <definedName name="______MAT020211">#REF!</definedName>
    <definedName name="______MAT030102" localSheetId="2">#REF!</definedName>
    <definedName name="______MAT030102">#REF!</definedName>
    <definedName name="______MAT030201" localSheetId="2">#REF!</definedName>
    <definedName name="______MAT030201">#REF!</definedName>
    <definedName name="______MAT030303" localSheetId="2">#REF!</definedName>
    <definedName name="______MAT030303">#REF!</definedName>
    <definedName name="______MAT030317" localSheetId="2">#REF!</definedName>
    <definedName name="______MAT030317">#REF!</definedName>
    <definedName name="______MAT040101" localSheetId="2">#REF!</definedName>
    <definedName name="______MAT040101">#REF!</definedName>
    <definedName name="______MAT040202" localSheetId="2">#REF!</definedName>
    <definedName name="______MAT040202">#REF!</definedName>
    <definedName name="______MAT050103" localSheetId="2">#REF!</definedName>
    <definedName name="______MAT050103">#REF!</definedName>
    <definedName name="______MAT050207" localSheetId="2">#REF!</definedName>
    <definedName name="______MAT050207">#REF!</definedName>
    <definedName name="______MAT060101" localSheetId="2">#REF!</definedName>
    <definedName name="______MAT060101">#REF!</definedName>
    <definedName name="______MAT080101" localSheetId="2">#REF!</definedName>
    <definedName name="______MAT080101">#REF!</definedName>
    <definedName name="______MAT080310" localSheetId="2">#REF!</definedName>
    <definedName name="______MAT080310">#REF!</definedName>
    <definedName name="______MAT090101" localSheetId="2">#REF!</definedName>
    <definedName name="______MAT090101">#REF!</definedName>
    <definedName name="______MAT100302" localSheetId="2">#REF!</definedName>
    <definedName name="______MAT100302">#REF!</definedName>
    <definedName name="______MAT110101" localSheetId="2">#REF!</definedName>
    <definedName name="______MAT110101">#REF!</definedName>
    <definedName name="______MAT110104" localSheetId="2">#REF!</definedName>
    <definedName name="______MAT110104">#REF!</definedName>
    <definedName name="______MAT110107" localSheetId="2">#REF!</definedName>
    <definedName name="______MAT110107">#REF!</definedName>
    <definedName name="______MAT120101" localSheetId="2">#REF!</definedName>
    <definedName name="______MAT120101">#REF!</definedName>
    <definedName name="______MAT120105" localSheetId="2">#REF!</definedName>
    <definedName name="______MAT120105">#REF!</definedName>
    <definedName name="______MAT120106" localSheetId="2">#REF!</definedName>
    <definedName name="______MAT120106">#REF!</definedName>
    <definedName name="______MAT120107" localSheetId="2">#REF!</definedName>
    <definedName name="______MAT120107">#REF!</definedName>
    <definedName name="______MAT120110" localSheetId="2">#REF!</definedName>
    <definedName name="______MAT120110">#REF!</definedName>
    <definedName name="______MAT120150" localSheetId="2">#REF!</definedName>
    <definedName name="______MAT120150">#REF!</definedName>
    <definedName name="______MAT130101" localSheetId="2">#REF!</definedName>
    <definedName name="______MAT130101">#REF!</definedName>
    <definedName name="______MAT130103" localSheetId="2">#REF!</definedName>
    <definedName name="______MAT130103">#REF!</definedName>
    <definedName name="______MAT130304" localSheetId="2">#REF!</definedName>
    <definedName name="______MAT130304">#REF!</definedName>
    <definedName name="______MAT130401" localSheetId="2">#REF!</definedName>
    <definedName name="______MAT130401">#REF!</definedName>
    <definedName name="______MAT140102" localSheetId="2">#REF!</definedName>
    <definedName name="______MAT140102">#REF!</definedName>
    <definedName name="______MAT140109" localSheetId="2">#REF!</definedName>
    <definedName name="______MAT140109">#REF!</definedName>
    <definedName name="______MAT140113" localSheetId="2">#REF!</definedName>
    <definedName name="______MAT140113">#REF!</definedName>
    <definedName name="______MAT140122" localSheetId="2">#REF!</definedName>
    <definedName name="______MAT140122">#REF!</definedName>
    <definedName name="______MAT140126" localSheetId="2">#REF!</definedName>
    <definedName name="______MAT140126">#REF!</definedName>
    <definedName name="______MAT140129" localSheetId="2">#REF!</definedName>
    <definedName name="______MAT140129">#REF!</definedName>
    <definedName name="______MAT140135" localSheetId="2">#REF!</definedName>
    <definedName name="______MAT140135">#REF!</definedName>
    <definedName name="______MAT140143" localSheetId="2">#REF!</definedName>
    <definedName name="______MAT140143">#REF!</definedName>
    <definedName name="______MAT140145" localSheetId="2">#REF!</definedName>
    <definedName name="______MAT140145">#REF!</definedName>
    <definedName name="______MAT150130" localSheetId="2">#REF!</definedName>
    <definedName name="______MAT150130">#REF!</definedName>
    <definedName name="______MAT170101" localSheetId="2">#REF!</definedName>
    <definedName name="______MAT170101">#REF!</definedName>
    <definedName name="______MAT170102" localSheetId="2">#REF!</definedName>
    <definedName name="______MAT170102">#REF!</definedName>
    <definedName name="______MAT170103" localSheetId="2">#REF!</definedName>
    <definedName name="______MAT170103">#REF!</definedName>
    <definedName name="______PRE010201" localSheetId="2">#REF!</definedName>
    <definedName name="______PRE010201">#REF!</definedName>
    <definedName name="______PRE010202" localSheetId="2">#REF!</definedName>
    <definedName name="______PRE010202">#REF!</definedName>
    <definedName name="______PRE010205" localSheetId="2">#REF!</definedName>
    <definedName name="______PRE010205">#REF!</definedName>
    <definedName name="______PRE010206" localSheetId="2">#REF!</definedName>
    <definedName name="______PRE010206">#REF!</definedName>
    <definedName name="______PRE010210" localSheetId="2">#REF!</definedName>
    <definedName name="______PRE010210">#REF!</definedName>
    <definedName name="______PRE010301" localSheetId="2">#REF!</definedName>
    <definedName name="______PRE010301">#REF!</definedName>
    <definedName name="______PRE010401" localSheetId="2">#REF!</definedName>
    <definedName name="______PRE010401">#REF!</definedName>
    <definedName name="______PRE010402" localSheetId="2">#REF!</definedName>
    <definedName name="______PRE010402">#REF!</definedName>
    <definedName name="______PRE010407" localSheetId="2">#REF!</definedName>
    <definedName name="______PRE010407">#REF!</definedName>
    <definedName name="______PRE010413" localSheetId="2">#REF!</definedName>
    <definedName name="______PRE010413">#REF!</definedName>
    <definedName name="______PRE010501" localSheetId="2">#REF!</definedName>
    <definedName name="______PRE010501">#REF!</definedName>
    <definedName name="______PRE010503" localSheetId="2">#REF!</definedName>
    <definedName name="______PRE010503">#REF!</definedName>
    <definedName name="______PRE010505" localSheetId="2">#REF!</definedName>
    <definedName name="______PRE010505">#REF!</definedName>
    <definedName name="______PRE010509" localSheetId="2">#REF!</definedName>
    <definedName name="______PRE010509">#REF!</definedName>
    <definedName name="______PRE010512" localSheetId="2">#REF!</definedName>
    <definedName name="______PRE010512">#REF!</definedName>
    <definedName name="______PRE010518" localSheetId="2">#REF!</definedName>
    <definedName name="______PRE010518">#REF!</definedName>
    <definedName name="______PRE010519" localSheetId="2">#REF!</definedName>
    <definedName name="______PRE010519">#REF!</definedName>
    <definedName name="______PRE010521" localSheetId="2">#REF!</definedName>
    <definedName name="______PRE010521">#REF!</definedName>
    <definedName name="______PRE010523" localSheetId="2">#REF!</definedName>
    <definedName name="______PRE010523">#REF!</definedName>
    <definedName name="______PRE010532" localSheetId="2">#REF!</definedName>
    <definedName name="______PRE010532">#REF!</definedName>
    <definedName name="______PRE010533" localSheetId="2">#REF!</definedName>
    <definedName name="______PRE010533">#REF!</definedName>
    <definedName name="______PRE010536" localSheetId="2">#REF!</definedName>
    <definedName name="______PRE010536">#REF!</definedName>
    <definedName name="______PRE010701" localSheetId="2">#REF!</definedName>
    <definedName name="______PRE010701">#REF!</definedName>
    <definedName name="______PRE010703" localSheetId="2">#REF!</definedName>
    <definedName name="______PRE010703">#REF!</definedName>
    <definedName name="______PRE010705" localSheetId="2">#REF!</definedName>
    <definedName name="______PRE010705">#REF!</definedName>
    <definedName name="______PRE010708" localSheetId="2">#REF!</definedName>
    <definedName name="______PRE010708">#REF!</definedName>
    <definedName name="______PRE010710" localSheetId="2">#REF!</definedName>
    <definedName name="______PRE010710">#REF!</definedName>
    <definedName name="______PRE010712" localSheetId="2">#REF!</definedName>
    <definedName name="______PRE010712">#REF!</definedName>
    <definedName name="______PRE010717" localSheetId="2">#REF!</definedName>
    <definedName name="______PRE010717">#REF!</definedName>
    <definedName name="______PRE010718" localSheetId="2">#REF!</definedName>
    <definedName name="______PRE010718">#REF!</definedName>
    <definedName name="______PRE020201" localSheetId="2">#REF!</definedName>
    <definedName name="______PRE020201">#REF!</definedName>
    <definedName name="______PRE020205" localSheetId="2">#REF!</definedName>
    <definedName name="______PRE020205">#REF!</definedName>
    <definedName name="______PRE020211" localSheetId="2">#REF!</definedName>
    <definedName name="______PRE020211">#REF!</definedName>
    <definedName name="______PRE020217" localSheetId="2">#REF!</definedName>
    <definedName name="______PRE020217">#REF!</definedName>
    <definedName name="______PRE030102" localSheetId="2">#REF!</definedName>
    <definedName name="______PRE030102">#REF!</definedName>
    <definedName name="______PRE030201" localSheetId="2">#REF!</definedName>
    <definedName name="______PRE030201">#REF!</definedName>
    <definedName name="______PRE030303" localSheetId="2">#REF!</definedName>
    <definedName name="______PRE030303">#REF!</definedName>
    <definedName name="______PRE030317" localSheetId="2">#REF!</definedName>
    <definedName name="______PRE030317">#REF!</definedName>
    <definedName name="______PRE040101" localSheetId="2">#REF!</definedName>
    <definedName name="______PRE040101">#REF!</definedName>
    <definedName name="______PRE040202" localSheetId="2">#REF!</definedName>
    <definedName name="______PRE040202">#REF!</definedName>
    <definedName name="______PRE050103" localSheetId="2">#REF!</definedName>
    <definedName name="______PRE050103">#REF!</definedName>
    <definedName name="______PRE050207" localSheetId="2">#REF!</definedName>
    <definedName name="______PRE050207">#REF!</definedName>
    <definedName name="______PRE060101" localSheetId="2">#REF!</definedName>
    <definedName name="______PRE060101">#REF!</definedName>
    <definedName name="______PRE080101" localSheetId="2">#REF!</definedName>
    <definedName name="______PRE080101">#REF!</definedName>
    <definedName name="______PRE080310" localSheetId="2">#REF!</definedName>
    <definedName name="______PRE080310">#REF!</definedName>
    <definedName name="______PRE090101" localSheetId="2">#REF!</definedName>
    <definedName name="______PRE090101">#REF!</definedName>
    <definedName name="______PRE100302" localSheetId="2">#REF!</definedName>
    <definedName name="______PRE100302">#REF!</definedName>
    <definedName name="______PRE110101" localSheetId="2">#REF!</definedName>
    <definedName name="______PRE110101">#REF!</definedName>
    <definedName name="______PRE110104" localSheetId="2">#REF!</definedName>
    <definedName name="______PRE110104">#REF!</definedName>
    <definedName name="______PRE110107" localSheetId="2">#REF!</definedName>
    <definedName name="______PRE110107">#REF!</definedName>
    <definedName name="______PRE120101" localSheetId="2">#REF!</definedName>
    <definedName name="______PRE120101">#REF!</definedName>
    <definedName name="______PRE120105" localSheetId="2">#REF!</definedName>
    <definedName name="______PRE120105">#REF!</definedName>
    <definedName name="______PRE120106" localSheetId="2">#REF!</definedName>
    <definedName name="______PRE120106">#REF!</definedName>
    <definedName name="______PRE120107" localSheetId="2">#REF!</definedName>
    <definedName name="______PRE120107">#REF!</definedName>
    <definedName name="______PRE120110" localSheetId="2">#REF!</definedName>
    <definedName name="______PRE120110">#REF!</definedName>
    <definedName name="______PRE120150" localSheetId="2">#REF!</definedName>
    <definedName name="______PRE120150">#REF!</definedName>
    <definedName name="______PRE130101" localSheetId="2">#REF!</definedName>
    <definedName name="______PRE130101">#REF!</definedName>
    <definedName name="______PRE130103" localSheetId="2">#REF!</definedName>
    <definedName name="______PRE130103">#REF!</definedName>
    <definedName name="______PRE130304" localSheetId="2">#REF!</definedName>
    <definedName name="______PRE130304">#REF!</definedName>
    <definedName name="______PRE130401" localSheetId="2">#REF!</definedName>
    <definedName name="______PRE130401">#REF!</definedName>
    <definedName name="______PRE140102" localSheetId="2">#REF!</definedName>
    <definedName name="______PRE140102">#REF!</definedName>
    <definedName name="______PRE140109" localSheetId="2">#REF!</definedName>
    <definedName name="______PRE140109">#REF!</definedName>
    <definedName name="______PRE140113" localSheetId="2">#REF!</definedName>
    <definedName name="______PRE140113">#REF!</definedName>
    <definedName name="______PRE140122" localSheetId="2">#REF!</definedName>
    <definedName name="______PRE140122">#REF!</definedName>
    <definedName name="______PRE140126" localSheetId="2">#REF!</definedName>
    <definedName name="______PRE140126">#REF!</definedName>
    <definedName name="______PRE140129" localSheetId="2">#REF!</definedName>
    <definedName name="______PRE140129">#REF!</definedName>
    <definedName name="______PRE140135" localSheetId="2">#REF!</definedName>
    <definedName name="______PRE140135">#REF!</definedName>
    <definedName name="______PRE140143" localSheetId="2">#REF!</definedName>
    <definedName name="______PRE140143">#REF!</definedName>
    <definedName name="______PRE140145" localSheetId="2">#REF!</definedName>
    <definedName name="______PRE140145">#REF!</definedName>
    <definedName name="______PRE150130" localSheetId="2">#REF!</definedName>
    <definedName name="______PRE150130">#REF!</definedName>
    <definedName name="______PRE170101" localSheetId="2">#REF!</definedName>
    <definedName name="______PRE170101">#REF!</definedName>
    <definedName name="______PRE170102" localSheetId="2">#REF!</definedName>
    <definedName name="______PRE170102">#REF!</definedName>
    <definedName name="______PRE170103" localSheetId="2">#REF!</definedName>
    <definedName name="______PRE170103">#REF!</definedName>
    <definedName name="______QUA010201" localSheetId="2">#REF!</definedName>
    <definedName name="______QUA010201">#REF!</definedName>
    <definedName name="______QUA010202" localSheetId="2">#REF!</definedName>
    <definedName name="______QUA010202">#REF!</definedName>
    <definedName name="______QUA010205" localSheetId="2">#REF!</definedName>
    <definedName name="______QUA010205">#REF!</definedName>
    <definedName name="______QUA010206" localSheetId="2">#REF!</definedName>
    <definedName name="______QUA010206">#REF!</definedName>
    <definedName name="______QUA010210" localSheetId="2">#REF!</definedName>
    <definedName name="______QUA010210">#REF!</definedName>
    <definedName name="______QUA010301" localSheetId="2">#REF!</definedName>
    <definedName name="______QUA010301">#REF!</definedName>
    <definedName name="______QUA010401" localSheetId="2">#REF!</definedName>
    <definedName name="______QUA010401">#REF!</definedName>
    <definedName name="______QUA010402" localSheetId="2">#REF!</definedName>
    <definedName name="______QUA010402">#REF!</definedName>
    <definedName name="______QUA010407" localSheetId="2">#REF!</definedName>
    <definedName name="______QUA010407">#REF!</definedName>
    <definedName name="______QUA010413" localSheetId="2">#REF!</definedName>
    <definedName name="______QUA010413">#REF!</definedName>
    <definedName name="______QUA010501" localSheetId="2">#REF!</definedName>
    <definedName name="______QUA010501">#REF!</definedName>
    <definedName name="______QUA010503" localSheetId="2">#REF!</definedName>
    <definedName name="______QUA010503">#REF!</definedName>
    <definedName name="______QUA010505" localSheetId="2">#REF!</definedName>
    <definedName name="______QUA010505">#REF!</definedName>
    <definedName name="______QUA010509" localSheetId="2">#REF!</definedName>
    <definedName name="______QUA010509">#REF!</definedName>
    <definedName name="______QUA010512" localSheetId="2">#REF!</definedName>
    <definedName name="______QUA010512">#REF!</definedName>
    <definedName name="______QUA010518" localSheetId="2">#REF!</definedName>
    <definedName name="______QUA010518">#REF!</definedName>
    <definedName name="______QUA010519" localSheetId="2">#REF!</definedName>
    <definedName name="______QUA010519">#REF!</definedName>
    <definedName name="______QUA010521" localSheetId="2">#REF!</definedName>
    <definedName name="______QUA010521">#REF!</definedName>
    <definedName name="______QUA010523" localSheetId="2">#REF!</definedName>
    <definedName name="______QUA010523">#REF!</definedName>
    <definedName name="______QUA010532" localSheetId="2">#REF!</definedName>
    <definedName name="______QUA010532">#REF!</definedName>
    <definedName name="______QUA010533" localSheetId="2">#REF!</definedName>
    <definedName name="______QUA010533">#REF!</definedName>
    <definedName name="______QUA010536" localSheetId="2">#REF!</definedName>
    <definedName name="______QUA010536">#REF!</definedName>
    <definedName name="______QUA010701" localSheetId="2">#REF!</definedName>
    <definedName name="______QUA010701">#REF!</definedName>
    <definedName name="______QUA010703" localSheetId="2">#REF!</definedName>
    <definedName name="______QUA010703">#REF!</definedName>
    <definedName name="______QUA010705" localSheetId="2">#REF!</definedName>
    <definedName name="______QUA010705">#REF!</definedName>
    <definedName name="______QUA010708" localSheetId="2">#REF!</definedName>
    <definedName name="______QUA010708">#REF!</definedName>
    <definedName name="______QUA010710" localSheetId="2">#REF!</definedName>
    <definedName name="______QUA010710">#REF!</definedName>
    <definedName name="______QUA010712" localSheetId="2">#REF!</definedName>
    <definedName name="______QUA010712">#REF!</definedName>
    <definedName name="______QUA010717" localSheetId="2">#REF!</definedName>
    <definedName name="______QUA010717">#REF!</definedName>
    <definedName name="______QUA010718" localSheetId="2">#REF!</definedName>
    <definedName name="______QUA010718">#REF!</definedName>
    <definedName name="______QUA020201" localSheetId="2">#REF!</definedName>
    <definedName name="______QUA020201">#REF!</definedName>
    <definedName name="______QUA020205" localSheetId="2">#REF!</definedName>
    <definedName name="______QUA020205">#REF!</definedName>
    <definedName name="______QUA020211" localSheetId="2">#REF!</definedName>
    <definedName name="______QUA020211">#REF!</definedName>
    <definedName name="______QUA020217" localSheetId="2">#REF!</definedName>
    <definedName name="______QUA020217">#REF!</definedName>
    <definedName name="______QUA030102" localSheetId="2">#REF!</definedName>
    <definedName name="______QUA030102">#REF!</definedName>
    <definedName name="______QUA030201" localSheetId="2">#REF!</definedName>
    <definedName name="______QUA030201">#REF!</definedName>
    <definedName name="______QUA030303" localSheetId="2">#REF!</definedName>
    <definedName name="______QUA030303">#REF!</definedName>
    <definedName name="______QUA030317" localSheetId="2">#REF!</definedName>
    <definedName name="______QUA030317">#REF!</definedName>
    <definedName name="______QUA040101" localSheetId="2">#REF!</definedName>
    <definedName name="______QUA040101">#REF!</definedName>
    <definedName name="______QUA040202" localSheetId="2">#REF!</definedName>
    <definedName name="______QUA040202">#REF!</definedName>
    <definedName name="______QUA050103" localSheetId="2">#REF!</definedName>
    <definedName name="______QUA050103">#REF!</definedName>
    <definedName name="______QUA050207" localSheetId="2">#REF!</definedName>
    <definedName name="______QUA050207">#REF!</definedName>
    <definedName name="______QUA060101" localSheetId="2">#REF!</definedName>
    <definedName name="______QUA060101">#REF!</definedName>
    <definedName name="______QUA080101" localSheetId="2">#REF!</definedName>
    <definedName name="______QUA080101">#REF!</definedName>
    <definedName name="______QUA080310" localSheetId="2">#REF!</definedName>
    <definedName name="______QUA080310">#REF!</definedName>
    <definedName name="______QUA090101" localSheetId="2">#REF!</definedName>
    <definedName name="______QUA090101">#REF!</definedName>
    <definedName name="______QUA100302" localSheetId="2">#REF!</definedName>
    <definedName name="______QUA100302">#REF!</definedName>
    <definedName name="______QUA110101" localSheetId="2">#REF!</definedName>
    <definedName name="______QUA110101">#REF!</definedName>
    <definedName name="______QUA110104" localSheetId="2">#REF!</definedName>
    <definedName name="______QUA110104">#REF!</definedName>
    <definedName name="______QUA110107" localSheetId="2">#REF!</definedName>
    <definedName name="______QUA110107">#REF!</definedName>
    <definedName name="______QUA120101" localSheetId="2">#REF!</definedName>
    <definedName name="______QUA120101">#REF!</definedName>
    <definedName name="______QUA120105" localSheetId="2">#REF!</definedName>
    <definedName name="______QUA120105">#REF!</definedName>
    <definedName name="______QUA120106" localSheetId="2">#REF!</definedName>
    <definedName name="______QUA120106">#REF!</definedName>
    <definedName name="______QUA120107" localSheetId="2">#REF!</definedName>
    <definedName name="______QUA120107">#REF!</definedName>
    <definedName name="______QUA120110" localSheetId="2">#REF!</definedName>
    <definedName name="______QUA120110">#REF!</definedName>
    <definedName name="______QUA120150" localSheetId="2">#REF!</definedName>
    <definedName name="______QUA120150">#REF!</definedName>
    <definedName name="______QUA130101" localSheetId="2">#REF!</definedName>
    <definedName name="______QUA130101">#REF!</definedName>
    <definedName name="______QUA130103" localSheetId="2">#REF!</definedName>
    <definedName name="______QUA130103">#REF!</definedName>
    <definedName name="______QUA130304" localSheetId="2">#REF!</definedName>
    <definedName name="______QUA130304">#REF!</definedName>
    <definedName name="______QUA130401" localSheetId="2">#REF!</definedName>
    <definedName name="______QUA130401">#REF!</definedName>
    <definedName name="______QUA140102" localSheetId="2">#REF!</definedName>
    <definedName name="______QUA140102">#REF!</definedName>
    <definedName name="______QUA140109" localSheetId="2">#REF!</definedName>
    <definedName name="______QUA140109">#REF!</definedName>
    <definedName name="______QUA140113" localSheetId="2">#REF!</definedName>
    <definedName name="______QUA140113">#REF!</definedName>
    <definedName name="______QUA140122" localSheetId="2">#REF!</definedName>
    <definedName name="______QUA140122">#REF!</definedName>
    <definedName name="______QUA140126" localSheetId="2">#REF!</definedName>
    <definedName name="______QUA140126">#REF!</definedName>
    <definedName name="______QUA140129" localSheetId="2">#REF!</definedName>
    <definedName name="______QUA140129">#REF!</definedName>
    <definedName name="______QUA140135" localSheetId="2">#REF!</definedName>
    <definedName name="______QUA140135">#REF!</definedName>
    <definedName name="______QUA140143" localSheetId="2">#REF!</definedName>
    <definedName name="______QUA140143">#REF!</definedName>
    <definedName name="______QUA140145" localSheetId="2">#REF!</definedName>
    <definedName name="______QUA140145">#REF!</definedName>
    <definedName name="______QUA150130" localSheetId="2">#REF!</definedName>
    <definedName name="______QUA150130">#REF!</definedName>
    <definedName name="______QUA170101" localSheetId="2">#REF!</definedName>
    <definedName name="______QUA170101">#REF!</definedName>
    <definedName name="______QUA170102" localSheetId="2">#REF!</definedName>
    <definedName name="______QUA170102">#REF!</definedName>
    <definedName name="______QUA170103" localSheetId="2">#REF!</definedName>
    <definedName name="______QUA170103">#REF!</definedName>
    <definedName name="______R" localSheetId="2">#REF!</definedName>
    <definedName name="______R">#REF!</definedName>
    <definedName name="______REC11100" localSheetId="2">#REF!</definedName>
    <definedName name="______REC11100">#REF!</definedName>
    <definedName name="______REC11110" localSheetId="2">#REF!</definedName>
    <definedName name="______REC11110">#REF!</definedName>
    <definedName name="______REC11115" localSheetId="2">#REF!</definedName>
    <definedName name="______REC11115">#REF!</definedName>
    <definedName name="______REC11125" localSheetId="2">#REF!</definedName>
    <definedName name="______REC11125">#REF!</definedName>
    <definedName name="______REC11130" localSheetId="2">#REF!</definedName>
    <definedName name="______REC11130">#REF!</definedName>
    <definedName name="______REC11135" localSheetId="2">#REF!</definedName>
    <definedName name="______REC11135">#REF!</definedName>
    <definedName name="______REC11145" localSheetId="2">#REF!</definedName>
    <definedName name="______REC11145">#REF!</definedName>
    <definedName name="______REC11150" localSheetId="2">#REF!</definedName>
    <definedName name="______REC11150">#REF!</definedName>
    <definedName name="______REC11165" localSheetId="2">#REF!</definedName>
    <definedName name="______REC11165">#REF!</definedName>
    <definedName name="______REC11170" localSheetId="2">#REF!</definedName>
    <definedName name="______REC11170">#REF!</definedName>
    <definedName name="______REC11180" localSheetId="2">#REF!</definedName>
    <definedName name="______REC11180">#REF!</definedName>
    <definedName name="______REC11185" localSheetId="2">#REF!</definedName>
    <definedName name="______REC11185">#REF!</definedName>
    <definedName name="______REC11220" localSheetId="2">#REF!</definedName>
    <definedName name="______REC11220">#REF!</definedName>
    <definedName name="______REC12105" localSheetId="2">#REF!</definedName>
    <definedName name="______REC12105">#REF!</definedName>
    <definedName name="______REC12555" localSheetId="2">#REF!</definedName>
    <definedName name="______REC12555">#REF!</definedName>
    <definedName name="______REC12570" localSheetId="2">#REF!</definedName>
    <definedName name="______REC12570">#REF!</definedName>
    <definedName name="______REC12575" localSheetId="2">#REF!</definedName>
    <definedName name="______REC12575">#REF!</definedName>
    <definedName name="______REC12580" localSheetId="2">#REF!</definedName>
    <definedName name="______REC12580">#REF!</definedName>
    <definedName name="______REC12600" localSheetId="2">#REF!</definedName>
    <definedName name="______REC12600">#REF!</definedName>
    <definedName name="______REC12610" localSheetId="2">#REF!</definedName>
    <definedName name="______REC12610">#REF!</definedName>
    <definedName name="______REC12630" localSheetId="2">#REF!</definedName>
    <definedName name="______REC12630">#REF!</definedName>
    <definedName name="______REC12631" localSheetId="2">#REF!</definedName>
    <definedName name="______REC12631">#REF!</definedName>
    <definedName name="______REC12640" localSheetId="2">#REF!</definedName>
    <definedName name="______REC12640">#REF!</definedName>
    <definedName name="______REC12645" localSheetId="2">#REF!</definedName>
    <definedName name="______REC12645">#REF!</definedName>
    <definedName name="______REC12665" localSheetId="2">#REF!</definedName>
    <definedName name="______REC12665">#REF!</definedName>
    <definedName name="______REC12690" localSheetId="2">#REF!</definedName>
    <definedName name="______REC12690">#REF!</definedName>
    <definedName name="______REC12700" localSheetId="2">#REF!</definedName>
    <definedName name="______REC12700">#REF!</definedName>
    <definedName name="______REC12710" localSheetId="2">#REF!</definedName>
    <definedName name="______REC12710">#REF!</definedName>
    <definedName name="______REC13111" localSheetId="2">#REF!</definedName>
    <definedName name="______REC13111">#REF!</definedName>
    <definedName name="______REC13112" localSheetId="2">#REF!</definedName>
    <definedName name="______REC13112">#REF!</definedName>
    <definedName name="______REC13121" localSheetId="2">#REF!</definedName>
    <definedName name="______REC13121">#REF!</definedName>
    <definedName name="______REC13720" localSheetId="2">#REF!</definedName>
    <definedName name="______REC13720">#REF!</definedName>
    <definedName name="______REC14100" localSheetId="2">#REF!</definedName>
    <definedName name="______REC14100">#REF!</definedName>
    <definedName name="______REC14161" localSheetId="2">#REF!</definedName>
    <definedName name="______REC14161">#REF!</definedName>
    <definedName name="______REC14195" localSheetId="2">#REF!</definedName>
    <definedName name="______REC14195">#REF!</definedName>
    <definedName name="______REC14205" localSheetId="2">#REF!</definedName>
    <definedName name="______REC14205">#REF!</definedName>
    <definedName name="______REC14260" localSheetId="2">#REF!</definedName>
    <definedName name="______REC14260">#REF!</definedName>
    <definedName name="______REC14500" localSheetId="2">#REF!</definedName>
    <definedName name="______REC14500">#REF!</definedName>
    <definedName name="______REC14515" localSheetId="2">#REF!</definedName>
    <definedName name="______REC14515">#REF!</definedName>
    <definedName name="______REC14555" localSheetId="2">#REF!</definedName>
    <definedName name="______REC14555">#REF!</definedName>
    <definedName name="______REC14565" localSheetId="2">#REF!</definedName>
    <definedName name="______REC14565">#REF!</definedName>
    <definedName name="______REC15135" localSheetId="2">#REF!</definedName>
    <definedName name="______REC15135">#REF!</definedName>
    <definedName name="______REC15140" localSheetId="2">#REF!</definedName>
    <definedName name="______REC15140">#REF!</definedName>
    <definedName name="______REC15195" localSheetId="2">#REF!</definedName>
    <definedName name="______REC15195">#REF!</definedName>
    <definedName name="______REC15225" localSheetId="2">#REF!</definedName>
    <definedName name="______REC15225">#REF!</definedName>
    <definedName name="______REC15230" localSheetId="2">#REF!</definedName>
    <definedName name="______REC15230">#REF!</definedName>
    <definedName name="______REC15515" localSheetId="2">#REF!</definedName>
    <definedName name="______REC15515">#REF!</definedName>
    <definedName name="______REC15560" localSheetId="2">#REF!</definedName>
    <definedName name="______REC15560">#REF!</definedName>
    <definedName name="______REC15565" localSheetId="2">#REF!</definedName>
    <definedName name="______REC15565">#REF!</definedName>
    <definedName name="______REC15570" localSheetId="2">#REF!</definedName>
    <definedName name="______REC15570">#REF!</definedName>
    <definedName name="______REC15575" localSheetId="2">#REF!</definedName>
    <definedName name="______REC15575">#REF!</definedName>
    <definedName name="______REC15583" localSheetId="2">#REF!</definedName>
    <definedName name="______REC15583">#REF!</definedName>
    <definedName name="______REC15590" localSheetId="2">#REF!</definedName>
    <definedName name="______REC15590">#REF!</definedName>
    <definedName name="______REC15591" localSheetId="2">#REF!</definedName>
    <definedName name="______REC15591">#REF!</definedName>
    <definedName name="______REC15610" localSheetId="2">#REF!</definedName>
    <definedName name="______REC15610">#REF!</definedName>
    <definedName name="______REC15625" localSheetId="2">#REF!</definedName>
    <definedName name="______REC15625">#REF!</definedName>
    <definedName name="______REC15635" localSheetId="2">#REF!</definedName>
    <definedName name="______REC15635">#REF!</definedName>
    <definedName name="______REC15655" localSheetId="2">#REF!</definedName>
    <definedName name="______REC15655">#REF!</definedName>
    <definedName name="______REC15665" localSheetId="2">#REF!</definedName>
    <definedName name="______REC15665">#REF!</definedName>
    <definedName name="______REC16515" localSheetId="2">#REF!</definedName>
    <definedName name="______REC16515">#REF!</definedName>
    <definedName name="______REC16535" localSheetId="2">#REF!</definedName>
    <definedName name="______REC16535">#REF!</definedName>
    <definedName name="______REC17140" localSheetId="2">#REF!</definedName>
    <definedName name="______REC17140">#REF!</definedName>
    <definedName name="______REC19500" localSheetId="2">#REF!</definedName>
    <definedName name="______REC19500">#REF!</definedName>
    <definedName name="______REC19501" localSheetId="2">#REF!</definedName>
    <definedName name="______REC19501">#REF!</definedName>
    <definedName name="______REC19502" localSheetId="2">#REF!</definedName>
    <definedName name="______REC19502">#REF!</definedName>
    <definedName name="______REC19503" localSheetId="2">#REF!</definedName>
    <definedName name="______REC19503">#REF!</definedName>
    <definedName name="______REC19504" localSheetId="2">#REF!</definedName>
    <definedName name="______REC19504">#REF!</definedName>
    <definedName name="______REC19505" localSheetId="2">#REF!</definedName>
    <definedName name="______REC19505">#REF!</definedName>
    <definedName name="______REC20100" localSheetId="2">#REF!</definedName>
    <definedName name="______REC20100">#REF!</definedName>
    <definedName name="______REC20105" localSheetId="2">#REF!</definedName>
    <definedName name="______REC20105">#REF!</definedName>
    <definedName name="______REC20110" localSheetId="2">#REF!</definedName>
    <definedName name="______REC20110">#REF!</definedName>
    <definedName name="______REC20115" localSheetId="2">#REF!</definedName>
    <definedName name="______REC20115">#REF!</definedName>
    <definedName name="______REC20130" localSheetId="2">#REF!</definedName>
    <definedName name="______REC20130">#REF!</definedName>
    <definedName name="______REC20135" localSheetId="2">#REF!</definedName>
    <definedName name="______REC20135">#REF!</definedName>
    <definedName name="______REC20140" localSheetId="2">#REF!</definedName>
    <definedName name="______REC20140">#REF!</definedName>
    <definedName name="______REC20145" localSheetId="2">#REF!</definedName>
    <definedName name="______REC20145">#REF!</definedName>
    <definedName name="______REC20150" localSheetId="2">#REF!</definedName>
    <definedName name="______REC20150">#REF!</definedName>
    <definedName name="______REC20155" localSheetId="2">#REF!</definedName>
    <definedName name="______REC20155">#REF!</definedName>
    <definedName name="______REC20175" localSheetId="2">#REF!</definedName>
    <definedName name="______REC20175">#REF!</definedName>
    <definedName name="______REC20185" localSheetId="2">#REF!</definedName>
    <definedName name="______REC20185">#REF!</definedName>
    <definedName name="______REC20190" localSheetId="2">#REF!</definedName>
    <definedName name="______REC20190">#REF!</definedName>
    <definedName name="______REC20195" localSheetId="2">#REF!</definedName>
    <definedName name="______REC20195">#REF!</definedName>
    <definedName name="______REC20210" localSheetId="2">#REF!</definedName>
    <definedName name="______REC20210">#REF!</definedName>
    <definedName name="______RET1">[1]Regula!$J$36</definedName>
    <definedName name="______svi2" localSheetId="2">#REF!</definedName>
    <definedName name="______svi2">#REF!</definedName>
    <definedName name="______TT102" localSheetId="2">'[2]Relatório-1ª med.'!#REF!</definedName>
    <definedName name="______TT102">'[2]Relatório-1ª med.'!#REF!</definedName>
    <definedName name="______TT107" localSheetId="2">'[2]Relatório-1ª med.'!#REF!</definedName>
    <definedName name="______TT107">'[2]Relatório-1ª med.'!#REF!</definedName>
    <definedName name="______TT121" localSheetId="2">'[2]Relatório-1ª med.'!#REF!</definedName>
    <definedName name="______TT121">'[2]Relatório-1ª med.'!#REF!</definedName>
    <definedName name="______TT123" localSheetId="2">'[2]Relatório-1ª med.'!#REF!</definedName>
    <definedName name="______TT123">'[2]Relatório-1ª med.'!#REF!</definedName>
    <definedName name="______TT19" localSheetId="2">'[2]Relatório-1ª med.'!#REF!</definedName>
    <definedName name="______TT19">'[2]Relatório-1ª med.'!#REF!</definedName>
    <definedName name="______TT20" localSheetId="2">'[2]Relatório-1ª med.'!#REF!</definedName>
    <definedName name="______TT20">'[2]Relatório-1ª med.'!#REF!</definedName>
    <definedName name="______TT21" localSheetId="2">'[2]Relatório-1ª med.'!#REF!</definedName>
    <definedName name="______TT21">'[2]Relatório-1ª med.'!#REF!</definedName>
    <definedName name="______TT22" localSheetId="2">'[2]Relatório-1ª med.'!#REF!</definedName>
    <definedName name="______TT22">'[2]Relatório-1ª med.'!#REF!</definedName>
    <definedName name="______TT26" localSheetId="2">'[2]Relatório-1ª med.'!#REF!</definedName>
    <definedName name="______TT26">'[2]Relatório-1ª med.'!#REF!</definedName>
    <definedName name="______TT27" localSheetId="2">'[2]Relatório-1ª med.'!#REF!</definedName>
    <definedName name="______TT27">'[2]Relatório-1ª med.'!#REF!</definedName>
    <definedName name="______TT28" localSheetId="2">'[2]Relatório-1ª med.'!#REF!</definedName>
    <definedName name="______TT28">'[2]Relatório-1ª med.'!#REF!</definedName>
    <definedName name="______TT30" localSheetId="2">'[2]Relatório-1ª med.'!#REF!</definedName>
    <definedName name="______TT30">'[2]Relatório-1ª med.'!#REF!</definedName>
    <definedName name="______TT31" localSheetId="2">'[2]Relatório-1ª med.'!#REF!</definedName>
    <definedName name="______TT31">'[2]Relatório-1ª med.'!#REF!</definedName>
    <definedName name="______TT32" localSheetId="2">'[2]Relatório-1ª med.'!#REF!</definedName>
    <definedName name="______TT32">'[2]Relatório-1ª med.'!#REF!</definedName>
    <definedName name="______TT33" localSheetId="2">'[2]Relatório-1ª med.'!#REF!</definedName>
    <definedName name="______TT33">'[2]Relatório-1ª med.'!#REF!</definedName>
    <definedName name="______TT34" localSheetId="2">'[2]Relatório-1ª med.'!#REF!</definedName>
    <definedName name="______TT34">'[2]Relatório-1ª med.'!#REF!</definedName>
    <definedName name="______TT36" localSheetId="2">'[2]Relatório-1ª med.'!#REF!</definedName>
    <definedName name="______TT36">'[2]Relatório-1ª med.'!#REF!</definedName>
    <definedName name="______TT37" localSheetId="2">'[2]Relatório-1ª med.'!#REF!</definedName>
    <definedName name="______TT37">'[2]Relatório-1ª med.'!#REF!</definedName>
    <definedName name="______TT38" localSheetId="2">'[2]Relatório-1ª med.'!#REF!</definedName>
    <definedName name="______TT38">'[2]Relatório-1ª med.'!#REF!</definedName>
    <definedName name="______TT39" localSheetId="2">'[2]Relatório-1ª med.'!#REF!</definedName>
    <definedName name="______TT39">'[2]Relatório-1ª med.'!#REF!</definedName>
    <definedName name="______TT40" localSheetId="2">'[2]Relatório-1ª med.'!#REF!</definedName>
    <definedName name="______TT40">'[2]Relatório-1ª med.'!#REF!</definedName>
    <definedName name="______TT5" localSheetId="2">'[2]Relatório-1ª med.'!#REF!</definedName>
    <definedName name="______TT5">'[2]Relatório-1ª med.'!#REF!</definedName>
    <definedName name="______TT52" localSheetId="2">'[2]Relatório-1ª med.'!#REF!</definedName>
    <definedName name="______TT52">'[2]Relatório-1ª med.'!#REF!</definedName>
    <definedName name="______TT53" localSheetId="2">'[2]Relatório-1ª med.'!#REF!</definedName>
    <definedName name="______TT53">'[2]Relatório-1ª med.'!#REF!</definedName>
    <definedName name="______TT54" localSheetId="2">'[2]Relatório-1ª med.'!#REF!</definedName>
    <definedName name="______TT54">'[2]Relatório-1ª med.'!#REF!</definedName>
    <definedName name="______TT55" localSheetId="2">'[2]Relatório-1ª med.'!#REF!</definedName>
    <definedName name="______TT55">'[2]Relatório-1ª med.'!#REF!</definedName>
    <definedName name="______TT6" localSheetId="2">'[2]Relatório-1ª med.'!#REF!</definedName>
    <definedName name="______TT6">'[2]Relatório-1ª med.'!#REF!</definedName>
    <definedName name="______TT60" localSheetId="2">'[2]Relatório-1ª med.'!#REF!</definedName>
    <definedName name="______TT60">'[2]Relatório-1ª med.'!#REF!</definedName>
    <definedName name="______TT61" localSheetId="2">'[2]Relatório-1ª med.'!#REF!</definedName>
    <definedName name="______TT61">'[2]Relatório-1ª med.'!#REF!</definedName>
    <definedName name="______TT69" localSheetId="2">'[2]Relatório-1ª med.'!#REF!</definedName>
    <definedName name="______TT69">'[2]Relatório-1ª med.'!#REF!</definedName>
    <definedName name="______TT7" localSheetId="2">'[2]Relatório-1ª med.'!#REF!</definedName>
    <definedName name="______TT7">'[2]Relatório-1ª med.'!#REF!</definedName>
    <definedName name="______TT70" localSheetId="2">'[2]Relatório-1ª med.'!#REF!</definedName>
    <definedName name="______TT70">'[2]Relatório-1ª med.'!#REF!</definedName>
    <definedName name="______TT71" localSheetId="2">'[2]Relatório-1ª med.'!#REF!</definedName>
    <definedName name="______TT71">'[2]Relatório-1ª med.'!#REF!</definedName>
    <definedName name="______TT74" localSheetId="2">'[2]Relatório-1ª med.'!#REF!</definedName>
    <definedName name="______TT74">'[2]Relatório-1ª med.'!#REF!</definedName>
    <definedName name="______TT75" localSheetId="2">'[2]Relatório-1ª med.'!#REF!</definedName>
    <definedName name="______TT75">'[2]Relatório-1ª med.'!#REF!</definedName>
    <definedName name="______TT76" localSheetId="2">'[2]Relatório-1ª med.'!#REF!</definedName>
    <definedName name="______TT76">'[2]Relatório-1ª med.'!#REF!</definedName>
    <definedName name="______TT77" localSheetId="2">'[2]Relatório-1ª med.'!#REF!</definedName>
    <definedName name="______TT77">'[2]Relatório-1ª med.'!#REF!</definedName>
    <definedName name="______TT78" localSheetId="2">'[2]Relatório-1ª med.'!#REF!</definedName>
    <definedName name="______TT78">'[2]Relatório-1ª med.'!#REF!</definedName>
    <definedName name="______TT79" localSheetId="2">'[2]Relatório-1ª med.'!#REF!</definedName>
    <definedName name="______TT79">'[2]Relatório-1ª med.'!#REF!</definedName>
    <definedName name="______TT94" localSheetId="2">'[2]Relatório-1ª med.'!#REF!</definedName>
    <definedName name="______TT94">'[2]Relatório-1ª med.'!#REF!</definedName>
    <definedName name="______TT95" localSheetId="2">'[2]Relatório-1ª med.'!#REF!</definedName>
    <definedName name="______TT95">'[2]Relatório-1ª med.'!#REF!</definedName>
    <definedName name="______TT97" localSheetId="2">'[2]Relatório-1ª med.'!#REF!</definedName>
    <definedName name="______TT97">'[2]Relatório-1ª med.'!#REF!</definedName>
    <definedName name="______UNI11100" localSheetId="2">#REF!</definedName>
    <definedName name="______UNI11100">#REF!</definedName>
    <definedName name="______UNI11110" localSheetId="2">#REF!</definedName>
    <definedName name="______UNI11110">#REF!</definedName>
    <definedName name="______UNI11115" localSheetId="2">#REF!</definedName>
    <definedName name="______UNI11115">#REF!</definedName>
    <definedName name="______UNI11125" localSheetId="2">#REF!</definedName>
    <definedName name="______UNI11125">#REF!</definedName>
    <definedName name="______UNI11130" localSheetId="2">#REF!</definedName>
    <definedName name="______UNI11130">#REF!</definedName>
    <definedName name="______UNI11135" localSheetId="2">#REF!</definedName>
    <definedName name="______UNI11135">#REF!</definedName>
    <definedName name="______UNI11145" localSheetId="2">#REF!</definedName>
    <definedName name="______UNI11145">#REF!</definedName>
    <definedName name="______UNI11150" localSheetId="2">#REF!</definedName>
    <definedName name="______UNI11150">#REF!</definedName>
    <definedName name="______UNI11165" localSheetId="2">#REF!</definedName>
    <definedName name="______UNI11165">#REF!</definedName>
    <definedName name="______UNI11170" localSheetId="2">#REF!</definedName>
    <definedName name="______UNI11170">#REF!</definedName>
    <definedName name="______UNI11180" localSheetId="2">#REF!</definedName>
    <definedName name="______UNI11180">#REF!</definedName>
    <definedName name="______UNI11185" localSheetId="2">#REF!</definedName>
    <definedName name="______UNI11185">#REF!</definedName>
    <definedName name="______UNI11220" localSheetId="2">#REF!</definedName>
    <definedName name="______UNI11220">#REF!</definedName>
    <definedName name="______UNI12105" localSheetId="2">#REF!</definedName>
    <definedName name="______UNI12105">#REF!</definedName>
    <definedName name="______UNI12555" localSheetId="2">#REF!</definedName>
    <definedName name="______UNI12555">#REF!</definedName>
    <definedName name="______UNI12570" localSheetId="2">#REF!</definedName>
    <definedName name="______UNI12570">#REF!</definedName>
    <definedName name="______UNI12575" localSheetId="2">#REF!</definedName>
    <definedName name="______UNI12575">#REF!</definedName>
    <definedName name="______UNI12580" localSheetId="2">#REF!</definedName>
    <definedName name="______UNI12580">#REF!</definedName>
    <definedName name="______UNI12600" localSheetId="2">#REF!</definedName>
    <definedName name="______UNI12600">#REF!</definedName>
    <definedName name="______UNI12610" localSheetId="2">#REF!</definedName>
    <definedName name="______UNI12610">#REF!</definedName>
    <definedName name="______UNI12630" localSheetId="2">#REF!</definedName>
    <definedName name="______UNI12630">#REF!</definedName>
    <definedName name="______UNI12631" localSheetId="2">#REF!</definedName>
    <definedName name="______UNI12631">#REF!</definedName>
    <definedName name="______UNI12640" localSheetId="2">#REF!</definedName>
    <definedName name="______UNI12640">#REF!</definedName>
    <definedName name="______UNI12645" localSheetId="2">#REF!</definedName>
    <definedName name="______UNI12645">#REF!</definedName>
    <definedName name="______UNI12665" localSheetId="2">#REF!</definedName>
    <definedName name="______UNI12665">#REF!</definedName>
    <definedName name="______UNI12690" localSheetId="2">#REF!</definedName>
    <definedName name="______UNI12690">#REF!</definedName>
    <definedName name="______UNI12700" localSheetId="2">#REF!</definedName>
    <definedName name="______UNI12700">#REF!</definedName>
    <definedName name="______UNI12710" localSheetId="2">#REF!</definedName>
    <definedName name="______UNI12710">#REF!</definedName>
    <definedName name="______UNI13111" localSheetId="2">#REF!</definedName>
    <definedName name="______UNI13111">#REF!</definedName>
    <definedName name="______UNI13112" localSheetId="2">#REF!</definedName>
    <definedName name="______UNI13112">#REF!</definedName>
    <definedName name="______UNI13121" localSheetId="2">#REF!</definedName>
    <definedName name="______UNI13121">#REF!</definedName>
    <definedName name="______UNI13720" localSheetId="2">#REF!</definedName>
    <definedName name="______UNI13720">#REF!</definedName>
    <definedName name="______UNI14100" localSheetId="2">#REF!</definedName>
    <definedName name="______UNI14100">#REF!</definedName>
    <definedName name="______UNI14161" localSheetId="2">#REF!</definedName>
    <definedName name="______UNI14161">#REF!</definedName>
    <definedName name="______UNI14195" localSheetId="2">#REF!</definedName>
    <definedName name="______UNI14195">#REF!</definedName>
    <definedName name="______UNI14205" localSheetId="2">#REF!</definedName>
    <definedName name="______UNI14205">#REF!</definedName>
    <definedName name="______UNI14260" localSheetId="2">#REF!</definedName>
    <definedName name="______UNI14260">#REF!</definedName>
    <definedName name="______UNI14500" localSheetId="2">#REF!</definedName>
    <definedName name="______UNI14500">#REF!</definedName>
    <definedName name="______UNI14515" localSheetId="2">#REF!</definedName>
    <definedName name="______UNI14515">#REF!</definedName>
    <definedName name="______UNI14555" localSheetId="2">#REF!</definedName>
    <definedName name="______UNI14555">#REF!</definedName>
    <definedName name="______UNI14565" localSheetId="2">#REF!</definedName>
    <definedName name="______UNI14565">#REF!</definedName>
    <definedName name="______UNI15135" localSheetId="2">#REF!</definedName>
    <definedName name="______UNI15135">#REF!</definedName>
    <definedName name="______UNI15140" localSheetId="2">#REF!</definedName>
    <definedName name="______UNI15140">#REF!</definedName>
    <definedName name="______UNI15195" localSheetId="2">#REF!</definedName>
    <definedName name="______UNI15195">#REF!</definedName>
    <definedName name="______UNI15225" localSheetId="2">#REF!</definedName>
    <definedName name="______UNI15225">#REF!</definedName>
    <definedName name="______UNI15230" localSheetId="2">#REF!</definedName>
    <definedName name="______UNI15230">#REF!</definedName>
    <definedName name="______UNI15515" localSheetId="2">#REF!</definedName>
    <definedName name="______UNI15515">#REF!</definedName>
    <definedName name="______UNI15560" localSheetId="2">#REF!</definedName>
    <definedName name="______UNI15560">#REF!</definedName>
    <definedName name="______UNI15565" localSheetId="2">#REF!</definedName>
    <definedName name="______UNI15565">#REF!</definedName>
    <definedName name="______UNI15570" localSheetId="2">#REF!</definedName>
    <definedName name="______UNI15570">#REF!</definedName>
    <definedName name="______UNI15575" localSheetId="2">#REF!</definedName>
    <definedName name="______UNI15575">#REF!</definedName>
    <definedName name="______UNI15583" localSheetId="2">#REF!</definedName>
    <definedName name="______UNI15583">#REF!</definedName>
    <definedName name="______UNI15590" localSheetId="2">#REF!</definedName>
    <definedName name="______UNI15590">#REF!</definedName>
    <definedName name="______UNI15591" localSheetId="2">#REF!</definedName>
    <definedName name="______UNI15591">#REF!</definedName>
    <definedName name="______UNI15610" localSheetId="2">#REF!</definedName>
    <definedName name="______UNI15610">#REF!</definedName>
    <definedName name="______UNI15625" localSheetId="2">#REF!</definedName>
    <definedName name="______UNI15625">#REF!</definedName>
    <definedName name="______UNI15635" localSheetId="2">#REF!</definedName>
    <definedName name="______UNI15635">#REF!</definedName>
    <definedName name="______UNI15655" localSheetId="2">#REF!</definedName>
    <definedName name="______UNI15655">#REF!</definedName>
    <definedName name="______UNI15665" localSheetId="2">#REF!</definedName>
    <definedName name="______UNI15665">#REF!</definedName>
    <definedName name="______UNI16515" localSheetId="2">#REF!</definedName>
    <definedName name="______UNI16515">#REF!</definedName>
    <definedName name="______UNI16535" localSheetId="2">#REF!</definedName>
    <definedName name="______UNI16535">#REF!</definedName>
    <definedName name="______UNI17140" localSheetId="2">#REF!</definedName>
    <definedName name="______UNI17140">#REF!</definedName>
    <definedName name="______UNI19500" localSheetId="2">#REF!</definedName>
    <definedName name="______UNI19500">#REF!</definedName>
    <definedName name="______UNI19501" localSheetId="2">#REF!</definedName>
    <definedName name="______UNI19501">#REF!</definedName>
    <definedName name="______UNI19502" localSheetId="2">#REF!</definedName>
    <definedName name="______UNI19502">#REF!</definedName>
    <definedName name="______UNI19503" localSheetId="2">#REF!</definedName>
    <definedName name="______UNI19503">#REF!</definedName>
    <definedName name="______UNI19504" localSheetId="2">#REF!</definedName>
    <definedName name="______UNI19504">#REF!</definedName>
    <definedName name="______UNI19505" localSheetId="2">#REF!</definedName>
    <definedName name="______UNI19505">#REF!</definedName>
    <definedName name="______UNI20100" localSheetId="2">#REF!</definedName>
    <definedName name="______UNI20100">#REF!</definedName>
    <definedName name="______UNI20105" localSheetId="2">#REF!</definedName>
    <definedName name="______UNI20105">#REF!</definedName>
    <definedName name="______UNI20110" localSheetId="2">#REF!</definedName>
    <definedName name="______UNI20110">#REF!</definedName>
    <definedName name="______UNI20115" localSheetId="2">#REF!</definedName>
    <definedName name="______UNI20115">#REF!</definedName>
    <definedName name="______UNI20130" localSheetId="2">#REF!</definedName>
    <definedName name="______UNI20130">#REF!</definedName>
    <definedName name="______UNI20135" localSheetId="2">#REF!</definedName>
    <definedName name="______UNI20135">#REF!</definedName>
    <definedName name="______UNI20140" localSheetId="2">#REF!</definedName>
    <definedName name="______UNI20140">#REF!</definedName>
    <definedName name="______UNI20145" localSheetId="2">#REF!</definedName>
    <definedName name="______UNI20145">#REF!</definedName>
    <definedName name="______UNI20150" localSheetId="2">#REF!</definedName>
    <definedName name="______UNI20150">#REF!</definedName>
    <definedName name="______UNI20155" localSheetId="2">#REF!</definedName>
    <definedName name="______UNI20155">#REF!</definedName>
    <definedName name="______UNI20175" localSheetId="2">#REF!</definedName>
    <definedName name="______UNI20175">#REF!</definedName>
    <definedName name="______UNI20185" localSheetId="2">#REF!</definedName>
    <definedName name="______UNI20185">#REF!</definedName>
    <definedName name="______UNI20190" localSheetId="2">#REF!</definedName>
    <definedName name="______UNI20190">#REF!</definedName>
    <definedName name="______UNI20195" localSheetId="2">#REF!</definedName>
    <definedName name="______UNI20195">#REF!</definedName>
    <definedName name="______UNI20210" localSheetId="2">#REF!</definedName>
    <definedName name="______UNI20210">#REF!</definedName>
    <definedName name="______VAL11100" localSheetId="2">#REF!</definedName>
    <definedName name="______VAL11100">#REF!</definedName>
    <definedName name="______VAL11110" localSheetId="2">#REF!</definedName>
    <definedName name="______VAL11110">#REF!</definedName>
    <definedName name="______VAL11115" localSheetId="2">#REF!</definedName>
    <definedName name="______VAL11115">#REF!</definedName>
    <definedName name="______VAL11125" localSheetId="2">#REF!</definedName>
    <definedName name="______VAL11125">#REF!</definedName>
    <definedName name="______VAL11130" localSheetId="2">#REF!</definedName>
    <definedName name="______VAL11130">#REF!</definedName>
    <definedName name="______VAL11135" localSheetId="2">#REF!</definedName>
    <definedName name="______VAL11135">#REF!</definedName>
    <definedName name="______VAL11145" localSheetId="2">#REF!</definedName>
    <definedName name="______VAL11145">#REF!</definedName>
    <definedName name="______VAL11150" localSheetId="2">#REF!</definedName>
    <definedName name="______VAL11150">#REF!</definedName>
    <definedName name="______VAL11165" localSheetId="2">#REF!</definedName>
    <definedName name="______VAL11165">#REF!</definedName>
    <definedName name="______VAL11170" localSheetId="2">#REF!</definedName>
    <definedName name="______VAL11170">#REF!</definedName>
    <definedName name="______VAL11180" localSheetId="2">#REF!</definedName>
    <definedName name="______VAL11180">#REF!</definedName>
    <definedName name="______VAL11185" localSheetId="2">#REF!</definedName>
    <definedName name="______VAL11185">#REF!</definedName>
    <definedName name="______VAL11220" localSheetId="2">#REF!</definedName>
    <definedName name="______VAL11220">#REF!</definedName>
    <definedName name="______VAL12105" localSheetId="2">#REF!</definedName>
    <definedName name="______VAL12105">#REF!</definedName>
    <definedName name="______VAL12555" localSheetId="2">#REF!</definedName>
    <definedName name="______VAL12555">#REF!</definedName>
    <definedName name="______VAL12570" localSheetId="2">#REF!</definedName>
    <definedName name="______VAL12570">#REF!</definedName>
    <definedName name="______VAL12575" localSheetId="2">#REF!</definedName>
    <definedName name="______VAL12575">#REF!</definedName>
    <definedName name="______VAL12580" localSheetId="2">#REF!</definedName>
    <definedName name="______VAL12580">#REF!</definedName>
    <definedName name="______VAL12600" localSheetId="2">#REF!</definedName>
    <definedName name="______VAL12600">#REF!</definedName>
    <definedName name="______VAL12610" localSheetId="2">#REF!</definedName>
    <definedName name="______VAL12610">#REF!</definedName>
    <definedName name="______VAL12630" localSheetId="2">#REF!</definedName>
    <definedName name="______VAL12630">#REF!</definedName>
    <definedName name="______VAL12631" localSheetId="2">#REF!</definedName>
    <definedName name="______VAL12631">#REF!</definedName>
    <definedName name="______VAL12640" localSheetId="2">#REF!</definedName>
    <definedName name="______VAL12640">#REF!</definedName>
    <definedName name="______VAL12645" localSheetId="2">#REF!</definedName>
    <definedName name="______VAL12645">#REF!</definedName>
    <definedName name="______VAL12665" localSheetId="2">#REF!</definedName>
    <definedName name="______VAL12665">#REF!</definedName>
    <definedName name="______VAL12690" localSheetId="2">#REF!</definedName>
    <definedName name="______VAL12690">#REF!</definedName>
    <definedName name="______VAL12700" localSheetId="2">#REF!</definedName>
    <definedName name="______VAL12700">#REF!</definedName>
    <definedName name="______VAL12710" localSheetId="2">#REF!</definedName>
    <definedName name="______VAL12710">#REF!</definedName>
    <definedName name="______VAL13111" localSheetId="2">#REF!</definedName>
    <definedName name="______VAL13111">#REF!</definedName>
    <definedName name="______VAL13112" localSheetId="2">#REF!</definedName>
    <definedName name="______VAL13112">#REF!</definedName>
    <definedName name="______VAL13121" localSheetId="2">#REF!</definedName>
    <definedName name="______VAL13121">#REF!</definedName>
    <definedName name="______VAL13720" localSheetId="2">#REF!</definedName>
    <definedName name="______VAL13720">#REF!</definedName>
    <definedName name="______VAL14100" localSheetId="2">#REF!</definedName>
    <definedName name="______VAL14100">#REF!</definedName>
    <definedName name="______VAL14161" localSheetId="2">#REF!</definedName>
    <definedName name="______VAL14161">#REF!</definedName>
    <definedName name="______VAL14195" localSheetId="2">#REF!</definedName>
    <definedName name="______VAL14195">#REF!</definedName>
    <definedName name="______VAL14205" localSheetId="2">#REF!</definedName>
    <definedName name="______VAL14205">#REF!</definedName>
    <definedName name="______VAL14260" localSheetId="2">#REF!</definedName>
    <definedName name="______VAL14260">#REF!</definedName>
    <definedName name="______VAL14500" localSheetId="2">#REF!</definedName>
    <definedName name="______VAL14500">#REF!</definedName>
    <definedName name="______VAL14515" localSheetId="2">#REF!</definedName>
    <definedName name="______VAL14515">#REF!</definedName>
    <definedName name="______VAL14555" localSheetId="2">#REF!</definedName>
    <definedName name="______VAL14555">#REF!</definedName>
    <definedName name="______VAL14565" localSheetId="2">#REF!</definedName>
    <definedName name="______VAL14565">#REF!</definedName>
    <definedName name="______VAL15135" localSheetId="2">#REF!</definedName>
    <definedName name="______VAL15135">#REF!</definedName>
    <definedName name="______VAL15140" localSheetId="2">#REF!</definedName>
    <definedName name="______VAL15140">#REF!</definedName>
    <definedName name="______VAL15195" localSheetId="2">#REF!</definedName>
    <definedName name="______VAL15195">#REF!</definedName>
    <definedName name="______VAL15225" localSheetId="2">#REF!</definedName>
    <definedName name="______VAL15225">#REF!</definedName>
    <definedName name="______VAL15230" localSheetId="2">#REF!</definedName>
    <definedName name="______VAL15230">#REF!</definedName>
    <definedName name="______VAL15515" localSheetId="2">#REF!</definedName>
    <definedName name="______VAL15515">#REF!</definedName>
    <definedName name="______VAL15560" localSheetId="2">#REF!</definedName>
    <definedName name="______VAL15560">#REF!</definedName>
    <definedName name="______VAL15565" localSheetId="2">#REF!</definedName>
    <definedName name="______VAL15565">#REF!</definedName>
    <definedName name="______VAL15570" localSheetId="2">#REF!</definedName>
    <definedName name="______VAL15570">#REF!</definedName>
    <definedName name="______VAL15575" localSheetId="2">#REF!</definedName>
    <definedName name="______VAL15575">#REF!</definedName>
    <definedName name="______VAL15583" localSheetId="2">#REF!</definedName>
    <definedName name="______VAL15583">#REF!</definedName>
    <definedName name="______VAL15590" localSheetId="2">#REF!</definedName>
    <definedName name="______VAL15590">#REF!</definedName>
    <definedName name="______VAL15591" localSheetId="2">#REF!</definedName>
    <definedName name="______VAL15591">#REF!</definedName>
    <definedName name="______VAL15610" localSheetId="2">#REF!</definedName>
    <definedName name="______VAL15610">#REF!</definedName>
    <definedName name="______VAL15625" localSheetId="2">#REF!</definedName>
    <definedName name="______VAL15625">#REF!</definedName>
    <definedName name="______VAL15635" localSheetId="2">#REF!</definedName>
    <definedName name="______VAL15635">#REF!</definedName>
    <definedName name="______VAL15655" localSheetId="2">#REF!</definedName>
    <definedName name="______VAL15655">#REF!</definedName>
    <definedName name="______VAL15665" localSheetId="2">#REF!</definedName>
    <definedName name="______VAL15665">#REF!</definedName>
    <definedName name="______VAL16515" localSheetId="2">#REF!</definedName>
    <definedName name="______VAL16515">#REF!</definedName>
    <definedName name="______VAL16535" localSheetId="2">#REF!</definedName>
    <definedName name="______VAL16535">#REF!</definedName>
    <definedName name="______VAL17140" localSheetId="2">#REF!</definedName>
    <definedName name="______VAL17140">#REF!</definedName>
    <definedName name="______VAL19500" localSheetId="2">#REF!</definedName>
    <definedName name="______VAL19500">#REF!</definedName>
    <definedName name="______VAL19501" localSheetId="2">#REF!</definedName>
    <definedName name="______VAL19501">#REF!</definedName>
    <definedName name="______VAL19502" localSheetId="2">#REF!</definedName>
    <definedName name="______VAL19502">#REF!</definedName>
    <definedName name="______VAL19503" localSheetId="2">#REF!</definedName>
    <definedName name="______VAL19503">#REF!</definedName>
    <definedName name="______VAL19504" localSheetId="2">#REF!</definedName>
    <definedName name="______VAL19504">#REF!</definedName>
    <definedName name="______VAL19505" localSheetId="2">#REF!</definedName>
    <definedName name="______VAL19505">#REF!</definedName>
    <definedName name="______VAL20100" localSheetId="2">#REF!</definedName>
    <definedName name="______VAL20100">#REF!</definedName>
    <definedName name="______VAL20105" localSheetId="2">#REF!</definedName>
    <definedName name="______VAL20105">#REF!</definedName>
    <definedName name="______VAL20110" localSheetId="2">#REF!</definedName>
    <definedName name="______VAL20110">#REF!</definedName>
    <definedName name="______VAL20115" localSheetId="2">#REF!</definedName>
    <definedName name="______VAL20115">#REF!</definedName>
    <definedName name="______VAL20130" localSheetId="2">#REF!</definedName>
    <definedName name="______VAL20130">#REF!</definedName>
    <definedName name="______VAL20135" localSheetId="2">#REF!</definedName>
    <definedName name="______VAL20135">#REF!</definedName>
    <definedName name="______VAL20140" localSheetId="2">#REF!</definedName>
    <definedName name="______VAL20140">#REF!</definedName>
    <definedName name="______VAL20145" localSheetId="2">#REF!</definedName>
    <definedName name="______VAL20145">#REF!</definedName>
    <definedName name="______VAL20150" localSheetId="2">#REF!</definedName>
    <definedName name="______VAL20150">#REF!</definedName>
    <definedName name="______VAL20155" localSheetId="2">#REF!</definedName>
    <definedName name="______VAL20155">#REF!</definedName>
    <definedName name="______VAL20175" localSheetId="2">#REF!</definedName>
    <definedName name="______VAL20175">#REF!</definedName>
    <definedName name="______VAL20185" localSheetId="2">#REF!</definedName>
    <definedName name="______VAL20185">#REF!</definedName>
    <definedName name="______VAL20190" localSheetId="2">#REF!</definedName>
    <definedName name="______VAL20190">#REF!</definedName>
    <definedName name="______VAL20195" localSheetId="2">#REF!</definedName>
    <definedName name="______VAL20195">#REF!</definedName>
    <definedName name="______VAL20210" localSheetId="2">#REF!</definedName>
    <definedName name="______VAL20210">#REF!</definedName>
    <definedName name="_____A1" localSheetId="2">#REF!</definedName>
    <definedName name="_____A1">#REF!</definedName>
    <definedName name="_____cab1" localSheetId="2">#REF!</definedName>
    <definedName name="_____cab1">#REF!</definedName>
    <definedName name="_____COM010201" localSheetId="2">#REF!</definedName>
    <definedName name="_____COM010201">#REF!</definedName>
    <definedName name="_____COM010202" localSheetId="2">#REF!</definedName>
    <definedName name="_____COM010202">#REF!</definedName>
    <definedName name="_____COM010205" localSheetId="2">#REF!</definedName>
    <definedName name="_____COM010205">#REF!</definedName>
    <definedName name="_____COM010206" localSheetId="2">#REF!</definedName>
    <definedName name="_____COM010206">#REF!</definedName>
    <definedName name="_____COM010210" localSheetId="2">#REF!</definedName>
    <definedName name="_____COM010210">#REF!</definedName>
    <definedName name="_____COM010301" localSheetId="2">#REF!</definedName>
    <definedName name="_____COM010301">#REF!</definedName>
    <definedName name="_____COM010401" localSheetId="2">#REF!</definedName>
    <definedName name="_____COM010401">#REF!</definedName>
    <definedName name="_____COM010402" localSheetId="2">#REF!</definedName>
    <definedName name="_____COM010402">#REF!</definedName>
    <definedName name="_____COM010407" localSheetId="2">#REF!</definedName>
    <definedName name="_____COM010407">#REF!</definedName>
    <definedName name="_____COM010413" localSheetId="2">#REF!</definedName>
    <definedName name="_____COM010413">#REF!</definedName>
    <definedName name="_____COM010501" localSheetId="2">#REF!</definedName>
    <definedName name="_____COM010501">#REF!</definedName>
    <definedName name="_____COM010503" localSheetId="2">#REF!</definedName>
    <definedName name="_____COM010503">#REF!</definedName>
    <definedName name="_____COM010505" localSheetId="2">#REF!</definedName>
    <definedName name="_____COM010505">#REF!</definedName>
    <definedName name="_____COM010509" localSheetId="2">#REF!</definedName>
    <definedName name="_____COM010509">#REF!</definedName>
    <definedName name="_____COM010512" localSheetId="2">#REF!</definedName>
    <definedName name="_____COM010512">#REF!</definedName>
    <definedName name="_____COM010518" localSheetId="2">#REF!</definedName>
    <definedName name="_____COM010518">#REF!</definedName>
    <definedName name="_____COM010519" localSheetId="2">#REF!</definedName>
    <definedName name="_____COM010519">#REF!</definedName>
    <definedName name="_____COM010521" localSheetId="2">#REF!</definedName>
    <definedName name="_____COM010521">#REF!</definedName>
    <definedName name="_____COM010523" localSheetId="2">#REF!</definedName>
    <definedName name="_____COM010523">#REF!</definedName>
    <definedName name="_____COM010532" localSheetId="2">#REF!</definedName>
    <definedName name="_____COM010532">#REF!</definedName>
    <definedName name="_____COM010533" localSheetId="2">#REF!</definedName>
    <definedName name="_____COM010533">#REF!</definedName>
    <definedName name="_____COM010536" localSheetId="2">#REF!</definedName>
    <definedName name="_____COM010536">#REF!</definedName>
    <definedName name="_____COM010701" localSheetId="2">#REF!</definedName>
    <definedName name="_____COM010701">#REF!</definedName>
    <definedName name="_____COM010703" localSheetId="2">#REF!</definedName>
    <definedName name="_____COM010703">#REF!</definedName>
    <definedName name="_____COM010705" localSheetId="2">#REF!</definedName>
    <definedName name="_____COM010705">#REF!</definedName>
    <definedName name="_____COM010708" localSheetId="2">#REF!</definedName>
    <definedName name="_____COM010708">#REF!</definedName>
    <definedName name="_____COM010710" localSheetId="2">#REF!</definedName>
    <definedName name="_____COM010710">#REF!</definedName>
    <definedName name="_____COM010712" localSheetId="2">#REF!</definedName>
    <definedName name="_____COM010712">#REF!</definedName>
    <definedName name="_____COM010717" localSheetId="2">#REF!</definedName>
    <definedName name="_____COM010717">#REF!</definedName>
    <definedName name="_____COM010718" localSheetId="2">#REF!</definedName>
    <definedName name="_____COM010718">#REF!</definedName>
    <definedName name="_____COM020201" localSheetId="2">#REF!</definedName>
    <definedName name="_____COM020201">#REF!</definedName>
    <definedName name="_____COM020205" localSheetId="2">#REF!</definedName>
    <definedName name="_____COM020205">#REF!</definedName>
    <definedName name="_____COM020211" localSheetId="2">#REF!</definedName>
    <definedName name="_____COM020211">#REF!</definedName>
    <definedName name="_____COM020217" localSheetId="2">#REF!</definedName>
    <definedName name="_____COM020217">#REF!</definedName>
    <definedName name="_____COM030102" localSheetId="2">#REF!</definedName>
    <definedName name="_____COM030102">#REF!</definedName>
    <definedName name="_____COM030201" localSheetId="2">#REF!</definedName>
    <definedName name="_____COM030201">#REF!</definedName>
    <definedName name="_____COM030303" localSheetId="2">#REF!</definedName>
    <definedName name="_____COM030303">#REF!</definedName>
    <definedName name="_____COM030317" localSheetId="2">#REF!</definedName>
    <definedName name="_____COM030317">#REF!</definedName>
    <definedName name="_____COM040101" localSheetId="2">#REF!</definedName>
    <definedName name="_____COM040101">#REF!</definedName>
    <definedName name="_____COM040202" localSheetId="2">#REF!</definedName>
    <definedName name="_____COM040202">#REF!</definedName>
    <definedName name="_____COM050103" localSheetId="2">#REF!</definedName>
    <definedName name="_____COM050103">#REF!</definedName>
    <definedName name="_____COM050207" localSheetId="2">#REF!</definedName>
    <definedName name="_____COM050207">#REF!</definedName>
    <definedName name="_____COM060101" localSheetId="2">#REF!</definedName>
    <definedName name="_____COM060101">#REF!</definedName>
    <definedName name="_____COM080101" localSheetId="2">#REF!</definedName>
    <definedName name="_____COM080101">#REF!</definedName>
    <definedName name="_____COM080310" localSheetId="2">#REF!</definedName>
    <definedName name="_____COM080310">#REF!</definedName>
    <definedName name="_____COM090101" localSheetId="2">#REF!</definedName>
    <definedName name="_____COM090101">#REF!</definedName>
    <definedName name="_____COM100302" localSheetId="2">#REF!</definedName>
    <definedName name="_____COM100302">#REF!</definedName>
    <definedName name="_____COM110101" localSheetId="2">#REF!</definedName>
    <definedName name="_____COM110101">#REF!</definedName>
    <definedName name="_____COM110104" localSheetId="2">#REF!</definedName>
    <definedName name="_____COM110104">#REF!</definedName>
    <definedName name="_____COM110107" localSheetId="2">#REF!</definedName>
    <definedName name="_____COM110107">#REF!</definedName>
    <definedName name="_____COM120101" localSheetId="2">#REF!</definedName>
    <definedName name="_____COM120101">#REF!</definedName>
    <definedName name="_____COM120105" localSheetId="2">#REF!</definedName>
    <definedName name="_____COM120105">#REF!</definedName>
    <definedName name="_____COM120106" localSheetId="2">#REF!</definedName>
    <definedName name="_____COM120106">#REF!</definedName>
    <definedName name="_____COM120107" localSheetId="2">#REF!</definedName>
    <definedName name="_____COM120107">#REF!</definedName>
    <definedName name="_____COM120110" localSheetId="2">#REF!</definedName>
    <definedName name="_____COM120110">#REF!</definedName>
    <definedName name="_____COM120150" localSheetId="2">#REF!</definedName>
    <definedName name="_____COM120150">#REF!</definedName>
    <definedName name="_____COM130101" localSheetId="2">#REF!</definedName>
    <definedName name="_____COM130101">#REF!</definedName>
    <definedName name="_____COM130103" localSheetId="2">#REF!</definedName>
    <definedName name="_____COM130103">#REF!</definedName>
    <definedName name="_____COM130304" localSheetId="2">#REF!</definedName>
    <definedName name="_____COM130304">#REF!</definedName>
    <definedName name="_____COM130401" localSheetId="2">#REF!</definedName>
    <definedName name="_____COM130401">#REF!</definedName>
    <definedName name="_____COM140102" localSheetId="2">#REF!</definedName>
    <definedName name="_____COM140102">#REF!</definedName>
    <definedName name="_____COM140109" localSheetId="2">#REF!</definedName>
    <definedName name="_____COM140109">#REF!</definedName>
    <definedName name="_____COM140113" localSheetId="2">#REF!</definedName>
    <definedName name="_____COM140113">#REF!</definedName>
    <definedName name="_____COM140122" localSheetId="2">#REF!</definedName>
    <definedName name="_____COM140122">#REF!</definedName>
    <definedName name="_____COM140126" localSheetId="2">#REF!</definedName>
    <definedName name="_____COM140126">#REF!</definedName>
    <definedName name="_____COM140129" localSheetId="2">#REF!</definedName>
    <definedName name="_____COM140129">#REF!</definedName>
    <definedName name="_____COM140135" localSheetId="2">#REF!</definedName>
    <definedName name="_____COM140135">#REF!</definedName>
    <definedName name="_____COM140143" localSheetId="2">#REF!</definedName>
    <definedName name="_____COM140143">#REF!</definedName>
    <definedName name="_____COM140145" localSheetId="2">#REF!</definedName>
    <definedName name="_____COM140145">#REF!</definedName>
    <definedName name="_____COM150130" localSheetId="2">#REF!</definedName>
    <definedName name="_____COM150130">#REF!</definedName>
    <definedName name="_____COM170101" localSheetId="2">#REF!</definedName>
    <definedName name="_____COM170101">#REF!</definedName>
    <definedName name="_____COM170102" localSheetId="2">#REF!</definedName>
    <definedName name="_____COM170102">#REF!</definedName>
    <definedName name="_____COM170103" localSheetId="2">#REF!</definedName>
    <definedName name="_____COM170103">#REF!</definedName>
    <definedName name="_____GLB2" localSheetId="2">#REF!</definedName>
    <definedName name="_____GLB2">#REF!</definedName>
    <definedName name="_____i3" localSheetId="2">#REF!</definedName>
    <definedName name="_____i3">#REF!</definedName>
    <definedName name="_____MAO010201" localSheetId="2">#REF!</definedName>
    <definedName name="_____MAO010201">#REF!</definedName>
    <definedName name="_____MAO010202" localSheetId="2">#REF!</definedName>
    <definedName name="_____MAO010202">#REF!</definedName>
    <definedName name="_____MAO010205" localSheetId="2">#REF!</definedName>
    <definedName name="_____MAO010205">#REF!</definedName>
    <definedName name="_____MAO010206" localSheetId="2">#REF!</definedName>
    <definedName name="_____MAO010206">#REF!</definedName>
    <definedName name="_____MAO010210" localSheetId="2">#REF!</definedName>
    <definedName name="_____MAO010210">#REF!</definedName>
    <definedName name="_____MAO010401" localSheetId="2">#REF!</definedName>
    <definedName name="_____MAO010401">#REF!</definedName>
    <definedName name="_____MAO010402" localSheetId="2">#REF!</definedName>
    <definedName name="_____MAO010402">#REF!</definedName>
    <definedName name="_____MAO010407" localSheetId="2">#REF!</definedName>
    <definedName name="_____MAO010407">#REF!</definedName>
    <definedName name="_____MAO010413" localSheetId="2">#REF!</definedName>
    <definedName name="_____MAO010413">#REF!</definedName>
    <definedName name="_____MAO010501" localSheetId="2">#REF!</definedName>
    <definedName name="_____MAO010501">#REF!</definedName>
    <definedName name="_____MAO010503" localSheetId="2">#REF!</definedName>
    <definedName name="_____MAO010503">#REF!</definedName>
    <definedName name="_____MAO010505" localSheetId="2">#REF!</definedName>
    <definedName name="_____MAO010505">#REF!</definedName>
    <definedName name="_____MAO010509" localSheetId="2">#REF!</definedName>
    <definedName name="_____MAO010509">#REF!</definedName>
    <definedName name="_____MAO010512" localSheetId="2">#REF!</definedName>
    <definedName name="_____MAO010512">#REF!</definedName>
    <definedName name="_____MAO010518" localSheetId="2">#REF!</definedName>
    <definedName name="_____MAO010518">#REF!</definedName>
    <definedName name="_____MAO010519" localSheetId="2">#REF!</definedName>
    <definedName name="_____MAO010519">#REF!</definedName>
    <definedName name="_____MAO010521" localSheetId="2">#REF!</definedName>
    <definedName name="_____MAO010521">#REF!</definedName>
    <definedName name="_____MAO010523" localSheetId="2">#REF!</definedName>
    <definedName name="_____MAO010523">#REF!</definedName>
    <definedName name="_____MAO010532" localSheetId="2">#REF!</definedName>
    <definedName name="_____MAO010532">#REF!</definedName>
    <definedName name="_____MAO010533" localSheetId="2">#REF!</definedName>
    <definedName name="_____MAO010533">#REF!</definedName>
    <definedName name="_____MAO010536" localSheetId="2">#REF!</definedName>
    <definedName name="_____MAO010536">#REF!</definedName>
    <definedName name="_____MAO010701" localSheetId="2">#REF!</definedName>
    <definedName name="_____MAO010701">#REF!</definedName>
    <definedName name="_____MAO010703" localSheetId="2">#REF!</definedName>
    <definedName name="_____MAO010703">#REF!</definedName>
    <definedName name="_____MAO010705" localSheetId="2">#REF!</definedName>
    <definedName name="_____MAO010705">#REF!</definedName>
    <definedName name="_____MAO010708" localSheetId="2">#REF!</definedName>
    <definedName name="_____MAO010708">#REF!</definedName>
    <definedName name="_____MAO010710" localSheetId="2">#REF!</definedName>
    <definedName name="_____MAO010710">#REF!</definedName>
    <definedName name="_____MAO010712" localSheetId="2">#REF!</definedName>
    <definedName name="_____MAO010712">#REF!</definedName>
    <definedName name="_____MAO010717" localSheetId="2">#REF!</definedName>
    <definedName name="_____MAO010717">#REF!</definedName>
    <definedName name="_____MAO020201" localSheetId="2">#REF!</definedName>
    <definedName name="_____MAO020201">#REF!</definedName>
    <definedName name="_____MAO020205" localSheetId="2">#REF!</definedName>
    <definedName name="_____MAO020205">#REF!</definedName>
    <definedName name="_____MAO020211" localSheetId="2">#REF!</definedName>
    <definedName name="_____MAO020211">#REF!</definedName>
    <definedName name="_____MAO020217" localSheetId="2">#REF!</definedName>
    <definedName name="_____MAO020217">#REF!</definedName>
    <definedName name="_____MAO030102" localSheetId="2">#REF!</definedName>
    <definedName name="_____MAO030102">#REF!</definedName>
    <definedName name="_____MAO030201" localSheetId="2">#REF!</definedName>
    <definedName name="_____MAO030201">#REF!</definedName>
    <definedName name="_____MAO030303" localSheetId="2">#REF!</definedName>
    <definedName name="_____MAO030303">#REF!</definedName>
    <definedName name="_____MAO030317" localSheetId="2">#REF!</definedName>
    <definedName name="_____MAO030317">#REF!</definedName>
    <definedName name="_____MAO040101" localSheetId="2">#REF!</definedName>
    <definedName name="_____MAO040101">#REF!</definedName>
    <definedName name="_____MAO040202" localSheetId="2">#REF!</definedName>
    <definedName name="_____MAO040202">#REF!</definedName>
    <definedName name="_____MAO050103" localSheetId="2">#REF!</definedName>
    <definedName name="_____MAO050103">#REF!</definedName>
    <definedName name="_____MAO050207" localSheetId="2">#REF!</definedName>
    <definedName name="_____MAO050207">#REF!</definedName>
    <definedName name="_____MAO060101" localSheetId="2">#REF!</definedName>
    <definedName name="_____MAO060101">#REF!</definedName>
    <definedName name="_____MAO080310" localSheetId="2">#REF!</definedName>
    <definedName name="_____MAO080310">#REF!</definedName>
    <definedName name="_____MAO090101" localSheetId="2">#REF!</definedName>
    <definedName name="_____MAO090101">#REF!</definedName>
    <definedName name="_____MAO110101" localSheetId="2">#REF!</definedName>
    <definedName name="_____MAO110101">#REF!</definedName>
    <definedName name="_____MAO110104" localSheetId="2">#REF!</definedName>
    <definedName name="_____MAO110104">#REF!</definedName>
    <definedName name="_____MAO110107" localSheetId="2">#REF!</definedName>
    <definedName name="_____MAO110107">#REF!</definedName>
    <definedName name="_____MAO120101" localSheetId="2">#REF!</definedName>
    <definedName name="_____MAO120101">#REF!</definedName>
    <definedName name="_____MAO120105" localSheetId="2">#REF!</definedName>
    <definedName name="_____MAO120105">#REF!</definedName>
    <definedName name="_____MAO120106" localSheetId="2">#REF!</definedName>
    <definedName name="_____MAO120106">#REF!</definedName>
    <definedName name="_____MAO120107" localSheetId="2">#REF!</definedName>
    <definedName name="_____MAO120107">#REF!</definedName>
    <definedName name="_____MAO120110" localSheetId="2">#REF!</definedName>
    <definedName name="_____MAO120110">#REF!</definedName>
    <definedName name="_____MAO120150" localSheetId="2">#REF!</definedName>
    <definedName name="_____MAO120150">#REF!</definedName>
    <definedName name="_____MAO130101" localSheetId="2">#REF!</definedName>
    <definedName name="_____MAO130101">#REF!</definedName>
    <definedName name="_____MAO130103" localSheetId="2">#REF!</definedName>
    <definedName name="_____MAO130103">#REF!</definedName>
    <definedName name="_____MAO130304" localSheetId="2">#REF!</definedName>
    <definedName name="_____MAO130304">#REF!</definedName>
    <definedName name="_____MAO130401" localSheetId="2">#REF!</definedName>
    <definedName name="_____MAO130401">#REF!</definedName>
    <definedName name="_____MAO140102" localSheetId="2">#REF!</definedName>
    <definedName name="_____MAO140102">#REF!</definedName>
    <definedName name="_____MAO140109" localSheetId="2">#REF!</definedName>
    <definedName name="_____MAO140109">#REF!</definedName>
    <definedName name="_____MAO140113" localSheetId="2">#REF!</definedName>
    <definedName name="_____MAO140113">#REF!</definedName>
    <definedName name="_____MAO140122" localSheetId="2">#REF!</definedName>
    <definedName name="_____MAO140122">#REF!</definedName>
    <definedName name="_____MAO140126" localSheetId="2">#REF!</definedName>
    <definedName name="_____MAO140126">#REF!</definedName>
    <definedName name="_____MAO140129" localSheetId="2">#REF!</definedName>
    <definedName name="_____MAO140129">#REF!</definedName>
    <definedName name="_____MAO140135" localSheetId="2">#REF!</definedName>
    <definedName name="_____MAO140135">#REF!</definedName>
    <definedName name="_____MAO140143" localSheetId="2">#REF!</definedName>
    <definedName name="_____MAO140143">#REF!</definedName>
    <definedName name="_____MAO140145" localSheetId="2">#REF!</definedName>
    <definedName name="_____MAO140145">#REF!</definedName>
    <definedName name="_____MAT010301" localSheetId="2">#REF!</definedName>
    <definedName name="_____MAT010301">#REF!</definedName>
    <definedName name="_____MAT010401" localSheetId="2">#REF!</definedName>
    <definedName name="_____MAT010401">#REF!</definedName>
    <definedName name="_____MAT010402" localSheetId="2">#REF!</definedName>
    <definedName name="_____MAT010402">#REF!</definedName>
    <definedName name="_____MAT010407" localSheetId="2">#REF!</definedName>
    <definedName name="_____MAT010407">#REF!</definedName>
    <definedName name="_____MAT010413" localSheetId="2">#REF!</definedName>
    <definedName name="_____MAT010413">#REF!</definedName>
    <definedName name="_____MAT010536" localSheetId="2">#REF!</definedName>
    <definedName name="_____MAT010536">#REF!</definedName>
    <definedName name="_____MAT010703" localSheetId="2">#REF!</definedName>
    <definedName name="_____MAT010703">#REF!</definedName>
    <definedName name="_____MAT010708" localSheetId="2">#REF!</definedName>
    <definedName name="_____MAT010708">#REF!</definedName>
    <definedName name="_____MAT010710" localSheetId="2">#REF!</definedName>
    <definedName name="_____MAT010710">#REF!</definedName>
    <definedName name="_____MAT010718" localSheetId="2">#REF!</definedName>
    <definedName name="_____MAT010718">#REF!</definedName>
    <definedName name="_____MAT020201" localSheetId="2">#REF!</definedName>
    <definedName name="_____MAT020201">#REF!</definedName>
    <definedName name="_____MAT020205" localSheetId="2">#REF!</definedName>
    <definedName name="_____MAT020205">#REF!</definedName>
    <definedName name="_____MAT020211" localSheetId="2">#REF!</definedName>
    <definedName name="_____MAT020211">#REF!</definedName>
    <definedName name="_____MAT030102" localSheetId="2">#REF!</definedName>
    <definedName name="_____MAT030102">#REF!</definedName>
    <definedName name="_____MAT030201" localSheetId="2">#REF!</definedName>
    <definedName name="_____MAT030201">#REF!</definedName>
    <definedName name="_____MAT030303" localSheetId="2">#REF!</definedName>
    <definedName name="_____MAT030303">#REF!</definedName>
    <definedName name="_____MAT030317" localSheetId="2">#REF!</definedName>
    <definedName name="_____MAT030317">#REF!</definedName>
    <definedName name="_____MAT040101" localSheetId="2">#REF!</definedName>
    <definedName name="_____MAT040101">#REF!</definedName>
    <definedName name="_____MAT040202" localSheetId="2">#REF!</definedName>
    <definedName name="_____MAT040202">#REF!</definedName>
    <definedName name="_____MAT050103" localSheetId="2">#REF!</definedName>
    <definedName name="_____MAT050103">#REF!</definedName>
    <definedName name="_____MAT050207" localSheetId="2">#REF!</definedName>
    <definedName name="_____MAT050207">#REF!</definedName>
    <definedName name="_____MAT060101" localSheetId="2">#REF!</definedName>
    <definedName name="_____MAT060101">#REF!</definedName>
    <definedName name="_____MAT080101" localSheetId="2">#REF!</definedName>
    <definedName name="_____MAT080101">#REF!</definedName>
    <definedName name="_____MAT080310" localSheetId="2">#REF!</definedName>
    <definedName name="_____MAT080310">#REF!</definedName>
    <definedName name="_____MAT090101" localSheetId="2">#REF!</definedName>
    <definedName name="_____MAT090101">#REF!</definedName>
    <definedName name="_____MAT100302" localSheetId="2">#REF!</definedName>
    <definedName name="_____MAT100302">#REF!</definedName>
    <definedName name="_____MAT110101" localSheetId="2">#REF!</definedName>
    <definedName name="_____MAT110101">#REF!</definedName>
    <definedName name="_____MAT110104" localSheetId="2">#REF!</definedName>
    <definedName name="_____MAT110104">#REF!</definedName>
    <definedName name="_____MAT110107" localSheetId="2">#REF!</definedName>
    <definedName name="_____MAT110107">#REF!</definedName>
    <definedName name="_____MAT120101" localSheetId="2">#REF!</definedName>
    <definedName name="_____MAT120101">#REF!</definedName>
    <definedName name="_____MAT120105" localSheetId="2">#REF!</definedName>
    <definedName name="_____MAT120105">#REF!</definedName>
    <definedName name="_____MAT120106" localSheetId="2">#REF!</definedName>
    <definedName name="_____MAT120106">#REF!</definedName>
    <definedName name="_____MAT120107" localSheetId="2">#REF!</definedName>
    <definedName name="_____MAT120107">#REF!</definedName>
    <definedName name="_____MAT120110" localSheetId="2">#REF!</definedName>
    <definedName name="_____MAT120110">#REF!</definedName>
    <definedName name="_____MAT120150" localSheetId="2">#REF!</definedName>
    <definedName name="_____MAT120150">#REF!</definedName>
    <definedName name="_____MAT130101" localSheetId="2">#REF!</definedName>
    <definedName name="_____MAT130101">#REF!</definedName>
    <definedName name="_____MAT130103" localSheetId="2">#REF!</definedName>
    <definedName name="_____MAT130103">#REF!</definedName>
    <definedName name="_____MAT130304" localSheetId="2">#REF!</definedName>
    <definedName name="_____MAT130304">#REF!</definedName>
    <definedName name="_____MAT130401" localSheetId="2">#REF!</definedName>
    <definedName name="_____MAT130401">#REF!</definedName>
    <definedName name="_____MAT140102" localSheetId="2">#REF!</definedName>
    <definedName name="_____MAT140102">#REF!</definedName>
    <definedName name="_____MAT140109" localSheetId="2">#REF!</definedName>
    <definedName name="_____MAT140109">#REF!</definedName>
    <definedName name="_____MAT140113" localSheetId="2">#REF!</definedName>
    <definedName name="_____MAT140113">#REF!</definedName>
    <definedName name="_____MAT140122" localSheetId="2">#REF!</definedName>
    <definedName name="_____MAT140122">#REF!</definedName>
    <definedName name="_____MAT140126" localSheetId="2">#REF!</definedName>
    <definedName name="_____MAT140126">#REF!</definedName>
    <definedName name="_____MAT140129" localSheetId="2">#REF!</definedName>
    <definedName name="_____MAT140129">#REF!</definedName>
    <definedName name="_____MAT140135" localSheetId="2">#REF!</definedName>
    <definedName name="_____MAT140135">#REF!</definedName>
    <definedName name="_____MAT140143" localSheetId="2">#REF!</definedName>
    <definedName name="_____MAT140143">#REF!</definedName>
    <definedName name="_____MAT140145" localSheetId="2">#REF!</definedName>
    <definedName name="_____MAT140145">#REF!</definedName>
    <definedName name="_____MAT150130" localSheetId="2">#REF!</definedName>
    <definedName name="_____MAT150130">#REF!</definedName>
    <definedName name="_____MAT170101" localSheetId="2">#REF!</definedName>
    <definedName name="_____MAT170101">#REF!</definedName>
    <definedName name="_____MAT170102" localSheetId="2">#REF!</definedName>
    <definedName name="_____MAT170102">#REF!</definedName>
    <definedName name="_____MAT170103" localSheetId="2">#REF!</definedName>
    <definedName name="_____MAT170103">#REF!</definedName>
    <definedName name="_____PRE010201" localSheetId="2">#REF!</definedName>
    <definedName name="_____PRE010201">#REF!</definedName>
    <definedName name="_____PRE010202" localSheetId="2">#REF!</definedName>
    <definedName name="_____PRE010202">#REF!</definedName>
    <definedName name="_____PRE010205" localSheetId="2">#REF!</definedName>
    <definedName name="_____PRE010205">#REF!</definedName>
    <definedName name="_____PRE010206" localSheetId="2">#REF!</definedName>
    <definedName name="_____PRE010206">#REF!</definedName>
    <definedName name="_____PRE010210" localSheetId="2">#REF!</definedName>
    <definedName name="_____PRE010210">#REF!</definedName>
    <definedName name="_____PRE010301" localSheetId="2">#REF!</definedName>
    <definedName name="_____PRE010301">#REF!</definedName>
    <definedName name="_____PRE010401" localSheetId="2">#REF!</definedName>
    <definedName name="_____PRE010401">#REF!</definedName>
    <definedName name="_____PRE010402" localSheetId="2">#REF!</definedName>
    <definedName name="_____PRE010402">#REF!</definedName>
    <definedName name="_____PRE010407" localSheetId="2">#REF!</definedName>
    <definedName name="_____PRE010407">#REF!</definedName>
    <definedName name="_____PRE010413" localSheetId="2">#REF!</definedName>
    <definedName name="_____PRE010413">#REF!</definedName>
    <definedName name="_____PRE010501" localSheetId="2">#REF!</definedName>
    <definedName name="_____PRE010501">#REF!</definedName>
    <definedName name="_____PRE010503" localSheetId="2">#REF!</definedName>
    <definedName name="_____PRE010503">#REF!</definedName>
    <definedName name="_____PRE010505" localSheetId="2">#REF!</definedName>
    <definedName name="_____PRE010505">#REF!</definedName>
    <definedName name="_____PRE010509" localSheetId="2">#REF!</definedName>
    <definedName name="_____PRE010509">#REF!</definedName>
    <definedName name="_____PRE010512" localSheetId="2">#REF!</definedName>
    <definedName name="_____PRE010512">#REF!</definedName>
    <definedName name="_____PRE010518" localSheetId="2">#REF!</definedName>
    <definedName name="_____PRE010518">#REF!</definedName>
    <definedName name="_____PRE010519" localSheetId="2">#REF!</definedName>
    <definedName name="_____PRE010519">#REF!</definedName>
    <definedName name="_____PRE010521" localSheetId="2">#REF!</definedName>
    <definedName name="_____PRE010521">#REF!</definedName>
    <definedName name="_____PRE010523" localSheetId="2">#REF!</definedName>
    <definedName name="_____PRE010523">#REF!</definedName>
    <definedName name="_____PRE010532" localSheetId="2">#REF!</definedName>
    <definedName name="_____PRE010532">#REF!</definedName>
    <definedName name="_____PRE010533" localSheetId="2">#REF!</definedName>
    <definedName name="_____PRE010533">#REF!</definedName>
    <definedName name="_____PRE010536" localSheetId="2">#REF!</definedName>
    <definedName name="_____PRE010536">#REF!</definedName>
    <definedName name="_____PRE010701" localSheetId="2">#REF!</definedName>
    <definedName name="_____PRE010701">#REF!</definedName>
    <definedName name="_____PRE010703" localSheetId="2">#REF!</definedName>
    <definedName name="_____PRE010703">#REF!</definedName>
    <definedName name="_____PRE010705" localSheetId="2">#REF!</definedName>
    <definedName name="_____PRE010705">#REF!</definedName>
    <definedName name="_____PRE010708" localSheetId="2">#REF!</definedName>
    <definedName name="_____PRE010708">#REF!</definedName>
    <definedName name="_____PRE010710" localSheetId="2">#REF!</definedName>
    <definedName name="_____PRE010710">#REF!</definedName>
    <definedName name="_____PRE010712" localSheetId="2">#REF!</definedName>
    <definedName name="_____PRE010712">#REF!</definedName>
    <definedName name="_____PRE010717" localSheetId="2">#REF!</definedName>
    <definedName name="_____PRE010717">#REF!</definedName>
    <definedName name="_____PRE010718" localSheetId="2">#REF!</definedName>
    <definedName name="_____PRE010718">#REF!</definedName>
    <definedName name="_____PRE020201" localSheetId="2">#REF!</definedName>
    <definedName name="_____PRE020201">#REF!</definedName>
    <definedName name="_____PRE020205" localSheetId="2">#REF!</definedName>
    <definedName name="_____PRE020205">#REF!</definedName>
    <definedName name="_____PRE020211" localSheetId="2">#REF!</definedName>
    <definedName name="_____PRE020211">#REF!</definedName>
    <definedName name="_____PRE020217" localSheetId="2">#REF!</definedName>
    <definedName name="_____PRE020217">#REF!</definedName>
    <definedName name="_____PRE030102" localSheetId="2">#REF!</definedName>
    <definedName name="_____PRE030102">#REF!</definedName>
    <definedName name="_____PRE030201" localSheetId="2">#REF!</definedName>
    <definedName name="_____PRE030201">#REF!</definedName>
    <definedName name="_____PRE030303" localSheetId="2">#REF!</definedName>
    <definedName name="_____PRE030303">#REF!</definedName>
    <definedName name="_____PRE030317" localSheetId="2">#REF!</definedName>
    <definedName name="_____PRE030317">#REF!</definedName>
    <definedName name="_____PRE040101" localSheetId="2">#REF!</definedName>
    <definedName name="_____PRE040101">#REF!</definedName>
    <definedName name="_____PRE040202" localSheetId="2">#REF!</definedName>
    <definedName name="_____PRE040202">#REF!</definedName>
    <definedName name="_____PRE050103" localSheetId="2">#REF!</definedName>
    <definedName name="_____PRE050103">#REF!</definedName>
    <definedName name="_____PRE050207" localSheetId="2">#REF!</definedName>
    <definedName name="_____PRE050207">#REF!</definedName>
    <definedName name="_____PRE060101" localSheetId="2">#REF!</definedName>
    <definedName name="_____PRE060101">#REF!</definedName>
    <definedName name="_____PRE080101" localSheetId="2">#REF!</definedName>
    <definedName name="_____PRE080101">#REF!</definedName>
    <definedName name="_____PRE080310" localSheetId="2">#REF!</definedName>
    <definedName name="_____PRE080310">#REF!</definedName>
    <definedName name="_____PRE090101" localSheetId="2">#REF!</definedName>
    <definedName name="_____PRE090101">#REF!</definedName>
    <definedName name="_____PRE100302" localSheetId="2">#REF!</definedName>
    <definedName name="_____PRE100302">#REF!</definedName>
    <definedName name="_____PRE110101" localSheetId="2">#REF!</definedName>
    <definedName name="_____PRE110101">#REF!</definedName>
    <definedName name="_____PRE110104" localSheetId="2">#REF!</definedName>
    <definedName name="_____PRE110104">#REF!</definedName>
    <definedName name="_____PRE110107" localSheetId="2">#REF!</definedName>
    <definedName name="_____PRE110107">#REF!</definedName>
    <definedName name="_____PRE120101" localSheetId="2">#REF!</definedName>
    <definedName name="_____PRE120101">#REF!</definedName>
    <definedName name="_____PRE120105" localSheetId="2">#REF!</definedName>
    <definedName name="_____PRE120105">#REF!</definedName>
    <definedName name="_____PRE120106" localSheetId="2">#REF!</definedName>
    <definedName name="_____PRE120106">#REF!</definedName>
    <definedName name="_____PRE120107" localSheetId="2">#REF!</definedName>
    <definedName name="_____PRE120107">#REF!</definedName>
    <definedName name="_____PRE120110" localSheetId="2">#REF!</definedName>
    <definedName name="_____PRE120110">#REF!</definedName>
    <definedName name="_____PRE120150" localSheetId="2">#REF!</definedName>
    <definedName name="_____PRE120150">#REF!</definedName>
    <definedName name="_____PRE130101" localSheetId="2">#REF!</definedName>
    <definedName name="_____PRE130101">#REF!</definedName>
    <definedName name="_____PRE130103" localSheetId="2">#REF!</definedName>
    <definedName name="_____PRE130103">#REF!</definedName>
    <definedName name="_____PRE130304" localSheetId="2">#REF!</definedName>
    <definedName name="_____PRE130304">#REF!</definedName>
    <definedName name="_____PRE130401" localSheetId="2">#REF!</definedName>
    <definedName name="_____PRE130401">#REF!</definedName>
    <definedName name="_____PRE140102" localSheetId="2">#REF!</definedName>
    <definedName name="_____PRE140102">#REF!</definedName>
    <definedName name="_____PRE140109" localSheetId="2">#REF!</definedName>
    <definedName name="_____PRE140109">#REF!</definedName>
    <definedName name="_____PRE140113" localSheetId="2">#REF!</definedName>
    <definedName name="_____PRE140113">#REF!</definedName>
    <definedName name="_____PRE140122" localSheetId="2">#REF!</definedName>
    <definedName name="_____PRE140122">#REF!</definedName>
    <definedName name="_____PRE140126" localSheetId="2">#REF!</definedName>
    <definedName name="_____PRE140126">#REF!</definedName>
    <definedName name="_____PRE140129" localSheetId="2">#REF!</definedName>
    <definedName name="_____PRE140129">#REF!</definedName>
    <definedName name="_____PRE140135" localSheetId="2">#REF!</definedName>
    <definedName name="_____PRE140135">#REF!</definedName>
    <definedName name="_____PRE140143" localSheetId="2">#REF!</definedName>
    <definedName name="_____PRE140143">#REF!</definedName>
    <definedName name="_____PRE140145" localSheetId="2">#REF!</definedName>
    <definedName name="_____PRE140145">#REF!</definedName>
    <definedName name="_____PRE150130" localSheetId="2">#REF!</definedName>
    <definedName name="_____PRE150130">#REF!</definedName>
    <definedName name="_____PRE170101" localSheetId="2">#REF!</definedName>
    <definedName name="_____PRE170101">#REF!</definedName>
    <definedName name="_____PRE170102" localSheetId="2">#REF!</definedName>
    <definedName name="_____PRE170102">#REF!</definedName>
    <definedName name="_____PRE170103" localSheetId="2">#REF!</definedName>
    <definedName name="_____PRE170103">#REF!</definedName>
    <definedName name="_____QUA010201" localSheetId="2">#REF!</definedName>
    <definedName name="_____QUA010201">#REF!</definedName>
    <definedName name="_____QUA010202" localSheetId="2">#REF!</definedName>
    <definedName name="_____QUA010202">#REF!</definedName>
    <definedName name="_____QUA010205" localSheetId="2">#REF!</definedName>
    <definedName name="_____QUA010205">#REF!</definedName>
    <definedName name="_____QUA010206" localSheetId="2">#REF!</definedName>
    <definedName name="_____QUA010206">#REF!</definedName>
    <definedName name="_____QUA010210" localSheetId="2">#REF!</definedName>
    <definedName name="_____QUA010210">#REF!</definedName>
    <definedName name="_____QUA010301" localSheetId="2">#REF!</definedName>
    <definedName name="_____QUA010301">#REF!</definedName>
    <definedName name="_____QUA010401" localSheetId="2">#REF!</definedName>
    <definedName name="_____QUA010401">#REF!</definedName>
    <definedName name="_____QUA010402" localSheetId="2">#REF!</definedName>
    <definedName name="_____QUA010402">#REF!</definedName>
    <definedName name="_____QUA010407" localSheetId="2">#REF!</definedName>
    <definedName name="_____QUA010407">#REF!</definedName>
    <definedName name="_____QUA010413" localSheetId="2">#REF!</definedName>
    <definedName name="_____QUA010413">#REF!</definedName>
    <definedName name="_____QUA010501" localSheetId="2">#REF!</definedName>
    <definedName name="_____QUA010501">#REF!</definedName>
    <definedName name="_____QUA010503" localSheetId="2">#REF!</definedName>
    <definedName name="_____QUA010503">#REF!</definedName>
    <definedName name="_____QUA010505" localSheetId="2">#REF!</definedName>
    <definedName name="_____QUA010505">#REF!</definedName>
    <definedName name="_____QUA010509" localSheetId="2">#REF!</definedName>
    <definedName name="_____QUA010509">#REF!</definedName>
    <definedName name="_____QUA010512" localSheetId="2">#REF!</definedName>
    <definedName name="_____QUA010512">#REF!</definedName>
    <definedName name="_____QUA010518" localSheetId="2">#REF!</definedName>
    <definedName name="_____QUA010518">#REF!</definedName>
    <definedName name="_____QUA010519" localSheetId="2">#REF!</definedName>
    <definedName name="_____QUA010519">#REF!</definedName>
    <definedName name="_____QUA010521" localSheetId="2">#REF!</definedName>
    <definedName name="_____QUA010521">#REF!</definedName>
    <definedName name="_____QUA010523" localSheetId="2">#REF!</definedName>
    <definedName name="_____QUA010523">#REF!</definedName>
    <definedName name="_____QUA010532" localSheetId="2">#REF!</definedName>
    <definedName name="_____QUA010532">#REF!</definedName>
    <definedName name="_____QUA010533" localSheetId="2">#REF!</definedName>
    <definedName name="_____QUA010533">#REF!</definedName>
    <definedName name="_____QUA010536" localSheetId="2">#REF!</definedName>
    <definedName name="_____QUA010536">#REF!</definedName>
    <definedName name="_____QUA010701" localSheetId="2">#REF!</definedName>
    <definedName name="_____QUA010701">#REF!</definedName>
    <definedName name="_____QUA010703" localSheetId="2">#REF!</definedName>
    <definedName name="_____QUA010703">#REF!</definedName>
    <definedName name="_____QUA010705" localSheetId="2">#REF!</definedName>
    <definedName name="_____QUA010705">#REF!</definedName>
    <definedName name="_____QUA010708" localSheetId="2">#REF!</definedName>
    <definedName name="_____QUA010708">#REF!</definedName>
    <definedName name="_____QUA010710" localSheetId="2">#REF!</definedName>
    <definedName name="_____QUA010710">#REF!</definedName>
    <definedName name="_____QUA010712" localSheetId="2">#REF!</definedName>
    <definedName name="_____QUA010712">#REF!</definedName>
    <definedName name="_____QUA010717" localSheetId="2">#REF!</definedName>
    <definedName name="_____QUA010717">#REF!</definedName>
    <definedName name="_____QUA010718" localSheetId="2">#REF!</definedName>
    <definedName name="_____QUA010718">#REF!</definedName>
    <definedName name="_____QUA020201" localSheetId="2">#REF!</definedName>
    <definedName name="_____QUA020201">#REF!</definedName>
    <definedName name="_____QUA020205" localSheetId="2">#REF!</definedName>
    <definedName name="_____QUA020205">#REF!</definedName>
    <definedName name="_____QUA020211" localSheetId="2">#REF!</definedName>
    <definedName name="_____QUA020211">#REF!</definedName>
    <definedName name="_____QUA020217" localSheetId="2">#REF!</definedName>
    <definedName name="_____QUA020217">#REF!</definedName>
    <definedName name="_____QUA030102" localSheetId="2">#REF!</definedName>
    <definedName name="_____QUA030102">#REF!</definedName>
    <definedName name="_____QUA030201" localSheetId="2">#REF!</definedName>
    <definedName name="_____QUA030201">#REF!</definedName>
    <definedName name="_____QUA030303" localSheetId="2">#REF!</definedName>
    <definedName name="_____QUA030303">#REF!</definedName>
    <definedName name="_____QUA030317" localSheetId="2">#REF!</definedName>
    <definedName name="_____QUA030317">#REF!</definedName>
    <definedName name="_____QUA040101" localSheetId="2">#REF!</definedName>
    <definedName name="_____QUA040101">#REF!</definedName>
    <definedName name="_____QUA040202" localSheetId="2">#REF!</definedName>
    <definedName name="_____QUA040202">#REF!</definedName>
    <definedName name="_____QUA050103" localSheetId="2">#REF!</definedName>
    <definedName name="_____QUA050103">#REF!</definedName>
    <definedName name="_____QUA050207" localSheetId="2">#REF!</definedName>
    <definedName name="_____QUA050207">#REF!</definedName>
    <definedName name="_____QUA060101" localSheetId="2">#REF!</definedName>
    <definedName name="_____QUA060101">#REF!</definedName>
    <definedName name="_____QUA080101" localSheetId="2">#REF!</definedName>
    <definedName name="_____QUA080101">#REF!</definedName>
    <definedName name="_____QUA080310" localSheetId="2">#REF!</definedName>
    <definedName name="_____QUA080310">#REF!</definedName>
    <definedName name="_____QUA090101" localSheetId="2">#REF!</definedName>
    <definedName name="_____QUA090101">#REF!</definedName>
    <definedName name="_____QUA100302" localSheetId="2">#REF!</definedName>
    <definedName name="_____QUA100302">#REF!</definedName>
    <definedName name="_____QUA110101" localSheetId="2">#REF!</definedName>
    <definedName name="_____QUA110101">#REF!</definedName>
    <definedName name="_____QUA110104" localSheetId="2">#REF!</definedName>
    <definedName name="_____QUA110104">#REF!</definedName>
    <definedName name="_____QUA110107" localSheetId="2">#REF!</definedName>
    <definedName name="_____QUA110107">#REF!</definedName>
    <definedName name="_____QUA120101" localSheetId="2">#REF!</definedName>
    <definedName name="_____QUA120101">#REF!</definedName>
    <definedName name="_____QUA120105" localSheetId="2">#REF!</definedName>
    <definedName name="_____QUA120105">#REF!</definedName>
    <definedName name="_____QUA120106" localSheetId="2">#REF!</definedName>
    <definedName name="_____QUA120106">#REF!</definedName>
    <definedName name="_____QUA120107" localSheetId="2">#REF!</definedName>
    <definedName name="_____QUA120107">#REF!</definedName>
    <definedName name="_____QUA120110" localSheetId="2">#REF!</definedName>
    <definedName name="_____QUA120110">#REF!</definedName>
    <definedName name="_____QUA120150" localSheetId="2">#REF!</definedName>
    <definedName name="_____QUA120150">#REF!</definedName>
    <definedName name="_____QUA130101" localSheetId="2">#REF!</definedName>
    <definedName name="_____QUA130101">#REF!</definedName>
    <definedName name="_____QUA130103" localSheetId="2">#REF!</definedName>
    <definedName name="_____QUA130103">#REF!</definedName>
    <definedName name="_____QUA130304" localSheetId="2">#REF!</definedName>
    <definedName name="_____QUA130304">#REF!</definedName>
    <definedName name="_____QUA130401" localSheetId="2">#REF!</definedName>
    <definedName name="_____QUA130401">#REF!</definedName>
    <definedName name="_____QUA140102" localSheetId="2">#REF!</definedName>
    <definedName name="_____QUA140102">#REF!</definedName>
    <definedName name="_____QUA140109" localSheetId="2">#REF!</definedName>
    <definedName name="_____QUA140109">#REF!</definedName>
    <definedName name="_____QUA140113" localSheetId="2">#REF!</definedName>
    <definedName name="_____QUA140113">#REF!</definedName>
    <definedName name="_____QUA140122" localSheetId="2">#REF!</definedName>
    <definedName name="_____QUA140122">#REF!</definedName>
    <definedName name="_____QUA140126" localSheetId="2">#REF!</definedName>
    <definedName name="_____QUA140126">#REF!</definedName>
    <definedName name="_____QUA140129" localSheetId="2">#REF!</definedName>
    <definedName name="_____QUA140129">#REF!</definedName>
    <definedName name="_____QUA140135" localSheetId="2">#REF!</definedName>
    <definedName name="_____QUA140135">#REF!</definedName>
    <definedName name="_____QUA140143" localSheetId="2">#REF!</definedName>
    <definedName name="_____QUA140143">#REF!</definedName>
    <definedName name="_____QUA140145" localSheetId="2">#REF!</definedName>
    <definedName name="_____QUA140145">#REF!</definedName>
    <definedName name="_____QUA150130" localSheetId="2">#REF!</definedName>
    <definedName name="_____QUA150130">#REF!</definedName>
    <definedName name="_____QUA170101" localSheetId="2">#REF!</definedName>
    <definedName name="_____QUA170101">#REF!</definedName>
    <definedName name="_____QUA170102" localSheetId="2">#REF!</definedName>
    <definedName name="_____QUA170102">#REF!</definedName>
    <definedName name="_____QUA170103" localSheetId="2">#REF!</definedName>
    <definedName name="_____QUA170103">#REF!</definedName>
    <definedName name="_____R" localSheetId="2">#REF!</definedName>
    <definedName name="_____R">#REF!</definedName>
    <definedName name="_____REC11100" localSheetId="2">#REF!</definedName>
    <definedName name="_____REC11100">#REF!</definedName>
    <definedName name="_____REC11110" localSheetId="2">#REF!</definedName>
    <definedName name="_____REC11110">#REF!</definedName>
    <definedName name="_____REC11115" localSheetId="2">#REF!</definedName>
    <definedName name="_____REC11115">#REF!</definedName>
    <definedName name="_____REC11125" localSheetId="2">#REF!</definedName>
    <definedName name="_____REC11125">#REF!</definedName>
    <definedName name="_____REC11130" localSheetId="2">#REF!</definedName>
    <definedName name="_____REC11130">#REF!</definedName>
    <definedName name="_____REC11135" localSheetId="2">#REF!</definedName>
    <definedName name="_____REC11135">#REF!</definedName>
    <definedName name="_____REC11145" localSheetId="2">#REF!</definedName>
    <definedName name="_____REC11145">#REF!</definedName>
    <definedName name="_____REC11150" localSheetId="2">#REF!</definedName>
    <definedName name="_____REC11150">#REF!</definedName>
    <definedName name="_____REC11165" localSheetId="2">#REF!</definedName>
    <definedName name="_____REC11165">#REF!</definedName>
    <definedName name="_____REC11170" localSheetId="2">#REF!</definedName>
    <definedName name="_____REC11170">#REF!</definedName>
    <definedName name="_____REC11180" localSheetId="2">#REF!</definedName>
    <definedName name="_____REC11180">#REF!</definedName>
    <definedName name="_____REC11185" localSheetId="2">#REF!</definedName>
    <definedName name="_____REC11185">#REF!</definedName>
    <definedName name="_____REC11220" localSheetId="2">#REF!</definedName>
    <definedName name="_____REC11220">#REF!</definedName>
    <definedName name="_____REC12105" localSheetId="2">#REF!</definedName>
    <definedName name="_____REC12105">#REF!</definedName>
    <definedName name="_____REC12555" localSheetId="2">#REF!</definedName>
    <definedName name="_____REC12555">#REF!</definedName>
    <definedName name="_____REC12570" localSheetId="2">#REF!</definedName>
    <definedName name="_____REC12570">#REF!</definedName>
    <definedName name="_____REC12575" localSheetId="2">#REF!</definedName>
    <definedName name="_____REC12575">#REF!</definedName>
    <definedName name="_____REC12580" localSheetId="2">#REF!</definedName>
    <definedName name="_____REC12580">#REF!</definedName>
    <definedName name="_____REC12600" localSheetId="2">#REF!</definedName>
    <definedName name="_____REC12600">#REF!</definedName>
    <definedName name="_____REC12610" localSheetId="2">#REF!</definedName>
    <definedName name="_____REC12610">#REF!</definedName>
    <definedName name="_____REC12630" localSheetId="2">#REF!</definedName>
    <definedName name="_____REC12630">#REF!</definedName>
    <definedName name="_____REC12631" localSheetId="2">#REF!</definedName>
    <definedName name="_____REC12631">#REF!</definedName>
    <definedName name="_____REC12640" localSheetId="2">#REF!</definedName>
    <definedName name="_____REC12640">#REF!</definedName>
    <definedName name="_____REC12645" localSheetId="2">#REF!</definedName>
    <definedName name="_____REC12645">#REF!</definedName>
    <definedName name="_____REC12665" localSheetId="2">#REF!</definedName>
    <definedName name="_____REC12665">#REF!</definedName>
    <definedName name="_____REC12690" localSheetId="2">#REF!</definedName>
    <definedName name="_____REC12690">#REF!</definedName>
    <definedName name="_____REC12700" localSheetId="2">#REF!</definedName>
    <definedName name="_____REC12700">#REF!</definedName>
    <definedName name="_____REC12710" localSheetId="2">#REF!</definedName>
    <definedName name="_____REC12710">#REF!</definedName>
    <definedName name="_____REC13111" localSheetId="2">#REF!</definedName>
    <definedName name="_____REC13111">#REF!</definedName>
    <definedName name="_____REC13112" localSheetId="2">#REF!</definedName>
    <definedName name="_____REC13112">#REF!</definedName>
    <definedName name="_____REC13121" localSheetId="2">#REF!</definedName>
    <definedName name="_____REC13121">#REF!</definedName>
    <definedName name="_____REC13720" localSheetId="2">#REF!</definedName>
    <definedName name="_____REC13720">#REF!</definedName>
    <definedName name="_____REC14100" localSheetId="2">#REF!</definedName>
    <definedName name="_____REC14100">#REF!</definedName>
    <definedName name="_____REC14161" localSheetId="2">#REF!</definedName>
    <definedName name="_____REC14161">#REF!</definedName>
    <definedName name="_____REC14195" localSheetId="2">#REF!</definedName>
    <definedName name="_____REC14195">#REF!</definedName>
    <definedName name="_____REC14205" localSheetId="2">#REF!</definedName>
    <definedName name="_____REC14205">#REF!</definedName>
    <definedName name="_____REC14260" localSheetId="2">#REF!</definedName>
    <definedName name="_____REC14260">#REF!</definedName>
    <definedName name="_____REC14500" localSheetId="2">#REF!</definedName>
    <definedName name="_____REC14500">#REF!</definedName>
    <definedName name="_____REC14515" localSheetId="2">#REF!</definedName>
    <definedName name="_____REC14515">#REF!</definedName>
    <definedName name="_____REC14555" localSheetId="2">#REF!</definedName>
    <definedName name="_____REC14555">#REF!</definedName>
    <definedName name="_____REC14565" localSheetId="2">#REF!</definedName>
    <definedName name="_____REC14565">#REF!</definedName>
    <definedName name="_____REC15135" localSheetId="2">#REF!</definedName>
    <definedName name="_____REC15135">#REF!</definedName>
    <definedName name="_____REC15140" localSheetId="2">#REF!</definedName>
    <definedName name="_____REC15140">#REF!</definedName>
    <definedName name="_____REC15195" localSheetId="2">#REF!</definedName>
    <definedName name="_____REC15195">#REF!</definedName>
    <definedName name="_____REC15225" localSheetId="2">#REF!</definedName>
    <definedName name="_____REC15225">#REF!</definedName>
    <definedName name="_____REC15230" localSheetId="2">#REF!</definedName>
    <definedName name="_____REC15230">#REF!</definedName>
    <definedName name="_____REC15515" localSheetId="2">#REF!</definedName>
    <definedName name="_____REC15515">#REF!</definedName>
    <definedName name="_____REC15560" localSheetId="2">#REF!</definedName>
    <definedName name="_____REC15560">#REF!</definedName>
    <definedName name="_____REC15565" localSheetId="2">#REF!</definedName>
    <definedName name="_____REC15565">#REF!</definedName>
    <definedName name="_____REC15570" localSheetId="2">#REF!</definedName>
    <definedName name="_____REC15570">#REF!</definedName>
    <definedName name="_____REC15575" localSheetId="2">#REF!</definedName>
    <definedName name="_____REC15575">#REF!</definedName>
    <definedName name="_____REC15583" localSheetId="2">#REF!</definedName>
    <definedName name="_____REC15583">#REF!</definedName>
    <definedName name="_____REC15590" localSheetId="2">#REF!</definedName>
    <definedName name="_____REC15590">#REF!</definedName>
    <definedName name="_____REC15591" localSheetId="2">#REF!</definedName>
    <definedName name="_____REC15591">#REF!</definedName>
    <definedName name="_____REC15610" localSheetId="2">#REF!</definedName>
    <definedName name="_____REC15610">#REF!</definedName>
    <definedName name="_____REC15625" localSheetId="2">#REF!</definedName>
    <definedName name="_____REC15625">#REF!</definedName>
    <definedName name="_____REC15635" localSheetId="2">#REF!</definedName>
    <definedName name="_____REC15635">#REF!</definedName>
    <definedName name="_____REC15655" localSheetId="2">#REF!</definedName>
    <definedName name="_____REC15655">#REF!</definedName>
    <definedName name="_____REC15665" localSheetId="2">#REF!</definedName>
    <definedName name="_____REC15665">#REF!</definedName>
    <definedName name="_____REC16515" localSheetId="2">#REF!</definedName>
    <definedName name="_____REC16515">#REF!</definedName>
    <definedName name="_____REC16535" localSheetId="2">#REF!</definedName>
    <definedName name="_____REC16535">#REF!</definedName>
    <definedName name="_____REC17140" localSheetId="2">#REF!</definedName>
    <definedName name="_____REC17140">#REF!</definedName>
    <definedName name="_____REC19500" localSheetId="2">#REF!</definedName>
    <definedName name="_____REC19500">#REF!</definedName>
    <definedName name="_____REC19501" localSheetId="2">#REF!</definedName>
    <definedName name="_____REC19501">#REF!</definedName>
    <definedName name="_____REC19502" localSheetId="2">#REF!</definedName>
    <definedName name="_____REC19502">#REF!</definedName>
    <definedName name="_____REC19503" localSheetId="2">#REF!</definedName>
    <definedName name="_____REC19503">#REF!</definedName>
    <definedName name="_____REC19504" localSheetId="2">#REF!</definedName>
    <definedName name="_____REC19504">#REF!</definedName>
    <definedName name="_____REC19505" localSheetId="2">#REF!</definedName>
    <definedName name="_____REC19505">#REF!</definedName>
    <definedName name="_____REC20100" localSheetId="2">#REF!</definedName>
    <definedName name="_____REC20100">#REF!</definedName>
    <definedName name="_____REC20105" localSheetId="2">#REF!</definedName>
    <definedName name="_____REC20105">#REF!</definedName>
    <definedName name="_____REC20110" localSheetId="2">#REF!</definedName>
    <definedName name="_____REC20110">#REF!</definedName>
    <definedName name="_____REC20115" localSheetId="2">#REF!</definedName>
    <definedName name="_____REC20115">#REF!</definedName>
    <definedName name="_____REC20130" localSheetId="2">#REF!</definedName>
    <definedName name="_____REC20130">#REF!</definedName>
    <definedName name="_____REC20135" localSheetId="2">#REF!</definedName>
    <definedName name="_____REC20135">#REF!</definedName>
    <definedName name="_____REC20140" localSheetId="2">#REF!</definedName>
    <definedName name="_____REC20140">#REF!</definedName>
    <definedName name="_____REC20145" localSheetId="2">#REF!</definedName>
    <definedName name="_____REC20145">#REF!</definedName>
    <definedName name="_____REC20150" localSheetId="2">#REF!</definedName>
    <definedName name="_____REC20150">#REF!</definedName>
    <definedName name="_____REC20155" localSheetId="2">#REF!</definedName>
    <definedName name="_____REC20155">#REF!</definedName>
    <definedName name="_____REC20175" localSheetId="2">#REF!</definedName>
    <definedName name="_____REC20175">#REF!</definedName>
    <definedName name="_____REC20185" localSheetId="2">#REF!</definedName>
    <definedName name="_____REC20185">#REF!</definedName>
    <definedName name="_____REC20190" localSheetId="2">#REF!</definedName>
    <definedName name="_____REC20190">#REF!</definedName>
    <definedName name="_____REC20195" localSheetId="2">#REF!</definedName>
    <definedName name="_____REC20195">#REF!</definedName>
    <definedName name="_____REC20210" localSheetId="2">#REF!</definedName>
    <definedName name="_____REC20210">#REF!</definedName>
    <definedName name="_____RET1">[1]Regula!$J$36</definedName>
    <definedName name="_____svi2" localSheetId="2">#REF!</definedName>
    <definedName name="_____svi2">#REF!</definedName>
    <definedName name="_____TT102" localSheetId="2">'[2]Relatório-1ª med.'!#REF!</definedName>
    <definedName name="_____TT102">'[2]Relatório-1ª med.'!#REF!</definedName>
    <definedName name="_____TT107" localSheetId="2">'[2]Relatório-1ª med.'!#REF!</definedName>
    <definedName name="_____TT107">'[2]Relatório-1ª med.'!#REF!</definedName>
    <definedName name="_____TT121" localSheetId="2">'[2]Relatório-1ª med.'!#REF!</definedName>
    <definedName name="_____TT121">'[2]Relatório-1ª med.'!#REF!</definedName>
    <definedName name="_____TT123" localSheetId="2">'[2]Relatório-1ª med.'!#REF!</definedName>
    <definedName name="_____TT123">'[2]Relatório-1ª med.'!#REF!</definedName>
    <definedName name="_____TT19" localSheetId="2">'[2]Relatório-1ª med.'!#REF!</definedName>
    <definedName name="_____TT19">'[2]Relatório-1ª med.'!#REF!</definedName>
    <definedName name="_____TT20" localSheetId="2">'[2]Relatório-1ª med.'!#REF!</definedName>
    <definedName name="_____TT20">'[2]Relatório-1ª med.'!#REF!</definedName>
    <definedName name="_____TT21" localSheetId="2">'[2]Relatório-1ª med.'!#REF!</definedName>
    <definedName name="_____TT21">'[2]Relatório-1ª med.'!#REF!</definedName>
    <definedName name="_____TT22" localSheetId="2">'[2]Relatório-1ª med.'!#REF!</definedName>
    <definedName name="_____TT22">'[2]Relatório-1ª med.'!#REF!</definedName>
    <definedName name="_____TT26" localSheetId="2">'[2]Relatório-1ª med.'!#REF!</definedName>
    <definedName name="_____TT26">'[2]Relatório-1ª med.'!#REF!</definedName>
    <definedName name="_____TT27" localSheetId="2">'[2]Relatório-1ª med.'!#REF!</definedName>
    <definedName name="_____TT27">'[2]Relatório-1ª med.'!#REF!</definedName>
    <definedName name="_____TT28" localSheetId="2">'[2]Relatório-1ª med.'!#REF!</definedName>
    <definedName name="_____TT28">'[2]Relatório-1ª med.'!#REF!</definedName>
    <definedName name="_____TT30" localSheetId="2">'[2]Relatório-1ª med.'!#REF!</definedName>
    <definedName name="_____TT30">'[2]Relatório-1ª med.'!#REF!</definedName>
    <definedName name="_____TT31" localSheetId="2">'[2]Relatório-1ª med.'!#REF!</definedName>
    <definedName name="_____TT31">'[2]Relatório-1ª med.'!#REF!</definedName>
    <definedName name="_____TT32" localSheetId="2">'[2]Relatório-1ª med.'!#REF!</definedName>
    <definedName name="_____TT32">'[2]Relatório-1ª med.'!#REF!</definedName>
    <definedName name="_____TT33" localSheetId="2">'[2]Relatório-1ª med.'!#REF!</definedName>
    <definedName name="_____TT33">'[2]Relatório-1ª med.'!#REF!</definedName>
    <definedName name="_____TT34" localSheetId="2">'[2]Relatório-1ª med.'!#REF!</definedName>
    <definedName name="_____TT34">'[2]Relatório-1ª med.'!#REF!</definedName>
    <definedName name="_____TT36" localSheetId="2">'[2]Relatório-1ª med.'!#REF!</definedName>
    <definedName name="_____TT36">'[2]Relatório-1ª med.'!#REF!</definedName>
    <definedName name="_____TT37" localSheetId="2">'[2]Relatório-1ª med.'!#REF!</definedName>
    <definedName name="_____TT37">'[2]Relatório-1ª med.'!#REF!</definedName>
    <definedName name="_____TT38" localSheetId="2">'[2]Relatório-1ª med.'!#REF!</definedName>
    <definedName name="_____TT38">'[2]Relatório-1ª med.'!#REF!</definedName>
    <definedName name="_____TT39" localSheetId="2">'[2]Relatório-1ª med.'!#REF!</definedName>
    <definedName name="_____TT39">'[2]Relatório-1ª med.'!#REF!</definedName>
    <definedName name="_____TT40" localSheetId="2">'[2]Relatório-1ª med.'!#REF!</definedName>
    <definedName name="_____TT40">'[2]Relatório-1ª med.'!#REF!</definedName>
    <definedName name="_____TT5" localSheetId="2">'[2]Relatório-1ª med.'!#REF!</definedName>
    <definedName name="_____TT5">'[2]Relatório-1ª med.'!#REF!</definedName>
    <definedName name="_____TT52" localSheetId="2">'[2]Relatório-1ª med.'!#REF!</definedName>
    <definedName name="_____TT52">'[2]Relatório-1ª med.'!#REF!</definedName>
    <definedName name="_____TT53" localSheetId="2">'[2]Relatório-1ª med.'!#REF!</definedName>
    <definedName name="_____TT53">'[2]Relatório-1ª med.'!#REF!</definedName>
    <definedName name="_____TT54" localSheetId="2">'[2]Relatório-1ª med.'!#REF!</definedName>
    <definedName name="_____TT54">'[2]Relatório-1ª med.'!#REF!</definedName>
    <definedName name="_____TT55" localSheetId="2">'[2]Relatório-1ª med.'!#REF!</definedName>
    <definedName name="_____TT55">'[2]Relatório-1ª med.'!#REF!</definedName>
    <definedName name="_____TT6" localSheetId="2">'[2]Relatório-1ª med.'!#REF!</definedName>
    <definedName name="_____TT6">'[2]Relatório-1ª med.'!#REF!</definedName>
    <definedName name="_____TT60" localSheetId="2">'[2]Relatório-1ª med.'!#REF!</definedName>
    <definedName name="_____TT60">'[2]Relatório-1ª med.'!#REF!</definedName>
    <definedName name="_____TT61" localSheetId="2">'[2]Relatório-1ª med.'!#REF!</definedName>
    <definedName name="_____TT61">'[2]Relatório-1ª med.'!#REF!</definedName>
    <definedName name="_____TT69" localSheetId="2">'[2]Relatório-1ª med.'!#REF!</definedName>
    <definedName name="_____TT69">'[2]Relatório-1ª med.'!#REF!</definedName>
    <definedName name="_____TT7" localSheetId="2">'[2]Relatório-1ª med.'!#REF!</definedName>
    <definedName name="_____TT7">'[2]Relatório-1ª med.'!#REF!</definedName>
    <definedName name="_____TT70" localSheetId="2">'[2]Relatório-1ª med.'!#REF!</definedName>
    <definedName name="_____TT70">'[2]Relatório-1ª med.'!#REF!</definedName>
    <definedName name="_____TT71" localSheetId="2">'[2]Relatório-1ª med.'!#REF!</definedName>
    <definedName name="_____TT71">'[2]Relatório-1ª med.'!#REF!</definedName>
    <definedName name="_____TT74" localSheetId="2">'[2]Relatório-1ª med.'!#REF!</definedName>
    <definedName name="_____TT74">'[2]Relatório-1ª med.'!#REF!</definedName>
    <definedName name="_____TT75" localSheetId="2">'[2]Relatório-1ª med.'!#REF!</definedName>
    <definedName name="_____TT75">'[2]Relatório-1ª med.'!#REF!</definedName>
    <definedName name="_____TT76" localSheetId="2">'[2]Relatório-1ª med.'!#REF!</definedName>
    <definedName name="_____TT76">'[2]Relatório-1ª med.'!#REF!</definedName>
    <definedName name="_____TT77" localSheetId="2">'[2]Relatório-1ª med.'!#REF!</definedName>
    <definedName name="_____TT77">'[2]Relatório-1ª med.'!#REF!</definedName>
    <definedName name="_____TT78" localSheetId="2">'[2]Relatório-1ª med.'!#REF!</definedName>
    <definedName name="_____TT78">'[2]Relatório-1ª med.'!#REF!</definedName>
    <definedName name="_____TT79" localSheetId="2">'[2]Relatório-1ª med.'!#REF!</definedName>
    <definedName name="_____TT79">'[2]Relatório-1ª med.'!#REF!</definedName>
    <definedName name="_____TT94" localSheetId="2">'[2]Relatório-1ª med.'!#REF!</definedName>
    <definedName name="_____TT94">'[2]Relatório-1ª med.'!#REF!</definedName>
    <definedName name="_____TT95" localSheetId="2">'[2]Relatório-1ª med.'!#REF!</definedName>
    <definedName name="_____TT95">'[2]Relatório-1ª med.'!#REF!</definedName>
    <definedName name="_____TT97" localSheetId="2">'[2]Relatório-1ª med.'!#REF!</definedName>
    <definedName name="_____TT97">'[2]Relatório-1ª med.'!#REF!</definedName>
    <definedName name="_____UNI11100" localSheetId="2">#REF!</definedName>
    <definedName name="_____UNI11100">#REF!</definedName>
    <definedName name="_____UNI11110" localSheetId="2">#REF!</definedName>
    <definedName name="_____UNI11110">#REF!</definedName>
    <definedName name="_____UNI11115" localSheetId="2">#REF!</definedName>
    <definedName name="_____UNI11115">#REF!</definedName>
    <definedName name="_____UNI11125" localSheetId="2">#REF!</definedName>
    <definedName name="_____UNI11125">#REF!</definedName>
    <definedName name="_____UNI11130" localSheetId="2">#REF!</definedName>
    <definedName name="_____UNI11130">#REF!</definedName>
    <definedName name="_____UNI11135" localSheetId="2">#REF!</definedName>
    <definedName name="_____UNI11135">#REF!</definedName>
    <definedName name="_____UNI11145" localSheetId="2">#REF!</definedName>
    <definedName name="_____UNI11145">#REF!</definedName>
    <definedName name="_____UNI11150" localSheetId="2">#REF!</definedName>
    <definedName name="_____UNI11150">#REF!</definedName>
    <definedName name="_____UNI11165" localSheetId="2">#REF!</definedName>
    <definedName name="_____UNI11165">#REF!</definedName>
    <definedName name="_____UNI11170" localSheetId="2">#REF!</definedName>
    <definedName name="_____UNI11170">#REF!</definedName>
    <definedName name="_____UNI11180" localSheetId="2">#REF!</definedName>
    <definedName name="_____UNI11180">#REF!</definedName>
    <definedName name="_____UNI11185" localSheetId="2">#REF!</definedName>
    <definedName name="_____UNI11185">#REF!</definedName>
    <definedName name="_____UNI11220" localSheetId="2">#REF!</definedName>
    <definedName name="_____UNI11220">#REF!</definedName>
    <definedName name="_____UNI12105" localSheetId="2">#REF!</definedName>
    <definedName name="_____UNI12105">#REF!</definedName>
    <definedName name="_____UNI12555" localSheetId="2">#REF!</definedName>
    <definedName name="_____UNI12555">#REF!</definedName>
    <definedName name="_____UNI12570" localSheetId="2">#REF!</definedName>
    <definedName name="_____UNI12570">#REF!</definedName>
    <definedName name="_____UNI12575" localSheetId="2">#REF!</definedName>
    <definedName name="_____UNI12575">#REF!</definedName>
    <definedName name="_____UNI12580" localSheetId="2">#REF!</definedName>
    <definedName name="_____UNI12580">#REF!</definedName>
    <definedName name="_____UNI12600" localSheetId="2">#REF!</definedName>
    <definedName name="_____UNI12600">#REF!</definedName>
    <definedName name="_____UNI12610" localSheetId="2">#REF!</definedName>
    <definedName name="_____UNI12610">#REF!</definedName>
    <definedName name="_____UNI12630" localSheetId="2">#REF!</definedName>
    <definedName name="_____UNI12630">#REF!</definedName>
    <definedName name="_____UNI12631" localSheetId="2">#REF!</definedName>
    <definedName name="_____UNI12631">#REF!</definedName>
    <definedName name="_____UNI12640" localSheetId="2">#REF!</definedName>
    <definedName name="_____UNI12640">#REF!</definedName>
    <definedName name="_____UNI12645" localSheetId="2">#REF!</definedName>
    <definedName name="_____UNI12645">#REF!</definedName>
    <definedName name="_____UNI12665" localSheetId="2">#REF!</definedName>
    <definedName name="_____UNI12665">#REF!</definedName>
    <definedName name="_____UNI12690" localSheetId="2">#REF!</definedName>
    <definedName name="_____UNI12690">#REF!</definedName>
    <definedName name="_____UNI12700" localSheetId="2">#REF!</definedName>
    <definedName name="_____UNI12700">#REF!</definedName>
    <definedName name="_____UNI12710" localSheetId="2">#REF!</definedName>
    <definedName name="_____UNI12710">#REF!</definedName>
    <definedName name="_____UNI13111" localSheetId="2">#REF!</definedName>
    <definedName name="_____UNI13111">#REF!</definedName>
    <definedName name="_____UNI13112" localSheetId="2">#REF!</definedName>
    <definedName name="_____UNI13112">#REF!</definedName>
    <definedName name="_____UNI13121" localSheetId="2">#REF!</definedName>
    <definedName name="_____UNI13121">#REF!</definedName>
    <definedName name="_____UNI13720" localSheetId="2">#REF!</definedName>
    <definedName name="_____UNI13720">#REF!</definedName>
    <definedName name="_____UNI14100" localSheetId="2">#REF!</definedName>
    <definedName name="_____UNI14100">#REF!</definedName>
    <definedName name="_____UNI14161" localSheetId="2">#REF!</definedName>
    <definedName name="_____UNI14161">#REF!</definedName>
    <definedName name="_____UNI14195" localSheetId="2">#REF!</definedName>
    <definedName name="_____UNI14195">#REF!</definedName>
    <definedName name="_____UNI14205" localSheetId="2">#REF!</definedName>
    <definedName name="_____UNI14205">#REF!</definedName>
    <definedName name="_____UNI14260" localSheetId="2">#REF!</definedName>
    <definedName name="_____UNI14260">#REF!</definedName>
    <definedName name="_____UNI14500" localSheetId="2">#REF!</definedName>
    <definedName name="_____UNI14500">#REF!</definedName>
    <definedName name="_____UNI14515" localSheetId="2">#REF!</definedName>
    <definedName name="_____UNI14515">#REF!</definedName>
    <definedName name="_____UNI14555" localSheetId="2">#REF!</definedName>
    <definedName name="_____UNI14555">#REF!</definedName>
    <definedName name="_____UNI14565" localSheetId="2">#REF!</definedName>
    <definedName name="_____UNI14565">#REF!</definedName>
    <definedName name="_____UNI15135" localSheetId="2">#REF!</definedName>
    <definedName name="_____UNI15135">#REF!</definedName>
    <definedName name="_____UNI15140" localSheetId="2">#REF!</definedName>
    <definedName name="_____UNI15140">#REF!</definedName>
    <definedName name="_____UNI15195" localSheetId="2">#REF!</definedName>
    <definedName name="_____UNI15195">#REF!</definedName>
    <definedName name="_____UNI15225" localSheetId="2">#REF!</definedName>
    <definedName name="_____UNI15225">#REF!</definedName>
    <definedName name="_____UNI15230" localSheetId="2">#REF!</definedName>
    <definedName name="_____UNI15230">#REF!</definedName>
    <definedName name="_____UNI15515" localSheetId="2">#REF!</definedName>
    <definedName name="_____UNI15515">#REF!</definedName>
    <definedName name="_____UNI15560" localSheetId="2">#REF!</definedName>
    <definedName name="_____UNI15560">#REF!</definedName>
    <definedName name="_____UNI15565" localSheetId="2">#REF!</definedName>
    <definedName name="_____UNI15565">#REF!</definedName>
    <definedName name="_____UNI15570" localSheetId="2">#REF!</definedName>
    <definedName name="_____UNI15570">#REF!</definedName>
    <definedName name="_____UNI15575" localSheetId="2">#REF!</definedName>
    <definedName name="_____UNI15575">#REF!</definedName>
    <definedName name="_____UNI15583" localSheetId="2">#REF!</definedName>
    <definedName name="_____UNI15583">#REF!</definedName>
    <definedName name="_____UNI15590" localSheetId="2">#REF!</definedName>
    <definedName name="_____UNI15590">#REF!</definedName>
    <definedName name="_____UNI15591" localSheetId="2">#REF!</definedName>
    <definedName name="_____UNI15591">#REF!</definedName>
    <definedName name="_____UNI15610" localSheetId="2">#REF!</definedName>
    <definedName name="_____UNI15610">#REF!</definedName>
    <definedName name="_____UNI15625" localSheetId="2">#REF!</definedName>
    <definedName name="_____UNI15625">#REF!</definedName>
    <definedName name="_____UNI15635" localSheetId="2">#REF!</definedName>
    <definedName name="_____UNI15635">#REF!</definedName>
    <definedName name="_____UNI15655" localSheetId="2">#REF!</definedName>
    <definedName name="_____UNI15655">#REF!</definedName>
    <definedName name="_____UNI15665" localSheetId="2">#REF!</definedName>
    <definedName name="_____UNI15665">#REF!</definedName>
    <definedName name="_____UNI16515" localSheetId="2">#REF!</definedName>
    <definedName name="_____UNI16515">#REF!</definedName>
    <definedName name="_____UNI16535" localSheetId="2">#REF!</definedName>
    <definedName name="_____UNI16535">#REF!</definedName>
    <definedName name="_____UNI17140" localSheetId="2">#REF!</definedName>
    <definedName name="_____UNI17140">#REF!</definedName>
    <definedName name="_____UNI19500" localSheetId="2">#REF!</definedName>
    <definedName name="_____UNI19500">#REF!</definedName>
    <definedName name="_____UNI19501" localSheetId="2">#REF!</definedName>
    <definedName name="_____UNI19501">#REF!</definedName>
    <definedName name="_____UNI19502" localSheetId="2">#REF!</definedName>
    <definedName name="_____UNI19502">#REF!</definedName>
    <definedName name="_____UNI19503" localSheetId="2">#REF!</definedName>
    <definedName name="_____UNI19503">#REF!</definedName>
    <definedName name="_____UNI19504" localSheetId="2">#REF!</definedName>
    <definedName name="_____UNI19504">#REF!</definedName>
    <definedName name="_____UNI19505" localSheetId="2">#REF!</definedName>
    <definedName name="_____UNI19505">#REF!</definedName>
    <definedName name="_____UNI20100" localSheetId="2">#REF!</definedName>
    <definedName name="_____UNI20100">#REF!</definedName>
    <definedName name="_____UNI20105" localSheetId="2">#REF!</definedName>
    <definedName name="_____UNI20105">#REF!</definedName>
    <definedName name="_____UNI20110" localSheetId="2">#REF!</definedName>
    <definedName name="_____UNI20110">#REF!</definedName>
    <definedName name="_____UNI20115" localSheetId="2">#REF!</definedName>
    <definedName name="_____UNI20115">#REF!</definedName>
    <definedName name="_____UNI20130" localSheetId="2">#REF!</definedName>
    <definedName name="_____UNI20130">#REF!</definedName>
    <definedName name="_____UNI20135" localSheetId="2">#REF!</definedName>
    <definedName name="_____UNI20135">#REF!</definedName>
    <definedName name="_____UNI20140" localSheetId="2">#REF!</definedName>
    <definedName name="_____UNI20140">#REF!</definedName>
    <definedName name="_____UNI20145" localSheetId="2">#REF!</definedName>
    <definedName name="_____UNI20145">#REF!</definedName>
    <definedName name="_____UNI20150" localSheetId="2">#REF!</definedName>
    <definedName name="_____UNI20150">#REF!</definedName>
    <definedName name="_____UNI20155" localSheetId="2">#REF!</definedName>
    <definedName name="_____UNI20155">#REF!</definedName>
    <definedName name="_____UNI20175" localSheetId="2">#REF!</definedName>
    <definedName name="_____UNI20175">#REF!</definedName>
    <definedName name="_____UNI20185" localSheetId="2">#REF!</definedName>
    <definedName name="_____UNI20185">#REF!</definedName>
    <definedName name="_____UNI20190" localSheetId="2">#REF!</definedName>
    <definedName name="_____UNI20190">#REF!</definedName>
    <definedName name="_____UNI20195" localSheetId="2">#REF!</definedName>
    <definedName name="_____UNI20195">#REF!</definedName>
    <definedName name="_____UNI20210" localSheetId="2">#REF!</definedName>
    <definedName name="_____UNI20210">#REF!</definedName>
    <definedName name="_____VAL11100" localSheetId="2">#REF!</definedName>
    <definedName name="_____VAL11100">#REF!</definedName>
    <definedName name="_____VAL11110" localSheetId="2">#REF!</definedName>
    <definedName name="_____VAL11110">#REF!</definedName>
    <definedName name="_____VAL11115" localSheetId="2">#REF!</definedName>
    <definedName name="_____VAL11115">#REF!</definedName>
    <definedName name="_____VAL11125" localSheetId="2">#REF!</definedName>
    <definedName name="_____VAL11125">#REF!</definedName>
    <definedName name="_____VAL11130" localSheetId="2">#REF!</definedName>
    <definedName name="_____VAL11130">#REF!</definedName>
    <definedName name="_____VAL11135" localSheetId="2">#REF!</definedName>
    <definedName name="_____VAL11135">#REF!</definedName>
    <definedName name="_____VAL11145" localSheetId="2">#REF!</definedName>
    <definedName name="_____VAL11145">#REF!</definedName>
    <definedName name="_____VAL11150" localSheetId="2">#REF!</definedName>
    <definedName name="_____VAL11150">#REF!</definedName>
    <definedName name="_____VAL11165" localSheetId="2">#REF!</definedName>
    <definedName name="_____VAL11165">#REF!</definedName>
    <definedName name="_____VAL11170" localSheetId="2">#REF!</definedName>
    <definedName name="_____VAL11170">#REF!</definedName>
    <definedName name="_____VAL11180" localSheetId="2">#REF!</definedName>
    <definedName name="_____VAL11180">#REF!</definedName>
    <definedName name="_____VAL11185" localSheetId="2">#REF!</definedName>
    <definedName name="_____VAL11185">#REF!</definedName>
    <definedName name="_____VAL11220" localSheetId="2">#REF!</definedName>
    <definedName name="_____VAL11220">#REF!</definedName>
    <definedName name="_____VAL12105" localSheetId="2">#REF!</definedName>
    <definedName name="_____VAL12105">#REF!</definedName>
    <definedName name="_____VAL12555" localSheetId="2">#REF!</definedName>
    <definedName name="_____VAL12555">#REF!</definedName>
    <definedName name="_____VAL12570" localSheetId="2">#REF!</definedName>
    <definedName name="_____VAL12570">#REF!</definedName>
    <definedName name="_____VAL12575" localSheetId="2">#REF!</definedName>
    <definedName name="_____VAL12575">#REF!</definedName>
    <definedName name="_____VAL12580" localSheetId="2">#REF!</definedName>
    <definedName name="_____VAL12580">#REF!</definedName>
    <definedName name="_____VAL12600" localSheetId="2">#REF!</definedName>
    <definedName name="_____VAL12600">#REF!</definedName>
    <definedName name="_____VAL12610" localSheetId="2">#REF!</definedName>
    <definedName name="_____VAL12610">#REF!</definedName>
    <definedName name="_____VAL12630" localSheetId="2">#REF!</definedName>
    <definedName name="_____VAL12630">#REF!</definedName>
    <definedName name="_____VAL12631" localSheetId="2">#REF!</definedName>
    <definedName name="_____VAL12631">#REF!</definedName>
    <definedName name="_____VAL12640" localSheetId="2">#REF!</definedName>
    <definedName name="_____VAL12640">#REF!</definedName>
    <definedName name="_____VAL12645" localSheetId="2">#REF!</definedName>
    <definedName name="_____VAL12645">#REF!</definedName>
    <definedName name="_____VAL12665" localSheetId="2">#REF!</definedName>
    <definedName name="_____VAL12665">#REF!</definedName>
    <definedName name="_____VAL12690" localSheetId="2">#REF!</definedName>
    <definedName name="_____VAL12690">#REF!</definedName>
    <definedName name="_____VAL12700" localSheetId="2">#REF!</definedName>
    <definedName name="_____VAL12700">#REF!</definedName>
    <definedName name="_____VAL12710" localSheetId="2">#REF!</definedName>
    <definedName name="_____VAL12710">#REF!</definedName>
    <definedName name="_____VAL13111" localSheetId="2">#REF!</definedName>
    <definedName name="_____VAL13111">#REF!</definedName>
    <definedName name="_____VAL13112" localSheetId="2">#REF!</definedName>
    <definedName name="_____VAL13112">#REF!</definedName>
    <definedName name="_____VAL13121" localSheetId="2">#REF!</definedName>
    <definedName name="_____VAL13121">#REF!</definedName>
    <definedName name="_____VAL13720" localSheetId="2">#REF!</definedName>
    <definedName name="_____VAL13720">#REF!</definedName>
    <definedName name="_____VAL14100" localSheetId="2">#REF!</definedName>
    <definedName name="_____VAL14100">#REF!</definedName>
    <definedName name="_____VAL14161" localSheetId="2">#REF!</definedName>
    <definedName name="_____VAL14161">#REF!</definedName>
    <definedName name="_____VAL14195" localSheetId="2">#REF!</definedName>
    <definedName name="_____VAL14195">#REF!</definedName>
    <definedName name="_____VAL14205" localSheetId="2">#REF!</definedName>
    <definedName name="_____VAL14205">#REF!</definedName>
    <definedName name="_____VAL14260" localSheetId="2">#REF!</definedName>
    <definedName name="_____VAL14260">#REF!</definedName>
    <definedName name="_____VAL14500" localSheetId="2">#REF!</definedName>
    <definedName name="_____VAL14500">#REF!</definedName>
    <definedName name="_____VAL14515" localSheetId="2">#REF!</definedName>
    <definedName name="_____VAL14515">#REF!</definedName>
    <definedName name="_____VAL14555" localSheetId="2">#REF!</definedName>
    <definedName name="_____VAL14555">#REF!</definedName>
    <definedName name="_____VAL14565" localSheetId="2">#REF!</definedName>
    <definedName name="_____VAL14565">#REF!</definedName>
    <definedName name="_____VAL15135" localSheetId="2">#REF!</definedName>
    <definedName name="_____VAL15135">#REF!</definedName>
    <definedName name="_____VAL15140" localSheetId="2">#REF!</definedName>
    <definedName name="_____VAL15140">#REF!</definedName>
    <definedName name="_____VAL15195" localSheetId="2">#REF!</definedName>
    <definedName name="_____VAL15195">#REF!</definedName>
    <definedName name="_____VAL15225" localSheetId="2">#REF!</definedName>
    <definedName name="_____VAL15225">#REF!</definedName>
    <definedName name="_____VAL15230" localSheetId="2">#REF!</definedName>
    <definedName name="_____VAL15230">#REF!</definedName>
    <definedName name="_____VAL15515" localSheetId="2">#REF!</definedName>
    <definedName name="_____VAL15515">#REF!</definedName>
    <definedName name="_____VAL15560" localSheetId="2">#REF!</definedName>
    <definedName name="_____VAL15560">#REF!</definedName>
    <definedName name="_____VAL15565" localSheetId="2">#REF!</definedName>
    <definedName name="_____VAL15565">#REF!</definedName>
    <definedName name="_____VAL15570" localSheetId="2">#REF!</definedName>
    <definedName name="_____VAL15570">#REF!</definedName>
    <definedName name="_____VAL15575" localSheetId="2">#REF!</definedName>
    <definedName name="_____VAL15575">#REF!</definedName>
    <definedName name="_____VAL15583" localSheetId="2">#REF!</definedName>
    <definedName name="_____VAL15583">#REF!</definedName>
    <definedName name="_____VAL15590" localSheetId="2">#REF!</definedName>
    <definedName name="_____VAL15590">#REF!</definedName>
    <definedName name="_____VAL15591" localSheetId="2">#REF!</definedName>
    <definedName name="_____VAL15591">#REF!</definedName>
    <definedName name="_____VAL15610" localSheetId="2">#REF!</definedName>
    <definedName name="_____VAL15610">#REF!</definedName>
    <definedName name="_____VAL15625" localSheetId="2">#REF!</definedName>
    <definedName name="_____VAL15625">#REF!</definedName>
    <definedName name="_____VAL15635" localSheetId="2">#REF!</definedName>
    <definedName name="_____VAL15635">#REF!</definedName>
    <definedName name="_____VAL15655" localSheetId="2">#REF!</definedName>
    <definedName name="_____VAL15655">#REF!</definedName>
    <definedName name="_____VAL15665" localSheetId="2">#REF!</definedName>
    <definedName name="_____VAL15665">#REF!</definedName>
    <definedName name="_____VAL16515" localSheetId="2">#REF!</definedName>
    <definedName name="_____VAL16515">#REF!</definedName>
    <definedName name="_____VAL16535" localSheetId="2">#REF!</definedName>
    <definedName name="_____VAL16535">#REF!</definedName>
    <definedName name="_____VAL17140" localSheetId="2">#REF!</definedName>
    <definedName name="_____VAL17140">#REF!</definedName>
    <definedName name="_____VAL19500" localSheetId="2">#REF!</definedName>
    <definedName name="_____VAL19500">#REF!</definedName>
    <definedName name="_____VAL19501" localSheetId="2">#REF!</definedName>
    <definedName name="_____VAL19501">#REF!</definedName>
    <definedName name="_____VAL19502" localSheetId="2">#REF!</definedName>
    <definedName name="_____VAL19502">#REF!</definedName>
    <definedName name="_____VAL19503" localSheetId="2">#REF!</definedName>
    <definedName name="_____VAL19503">#REF!</definedName>
    <definedName name="_____VAL19504" localSheetId="2">#REF!</definedName>
    <definedName name="_____VAL19504">#REF!</definedName>
    <definedName name="_____VAL19505" localSheetId="2">#REF!</definedName>
    <definedName name="_____VAL19505">#REF!</definedName>
    <definedName name="_____VAL20100" localSheetId="2">#REF!</definedName>
    <definedName name="_____VAL20100">#REF!</definedName>
    <definedName name="_____VAL20105" localSheetId="2">#REF!</definedName>
    <definedName name="_____VAL20105">#REF!</definedName>
    <definedName name="_____VAL20110" localSheetId="2">#REF!</definedName>
    <definedName name="_____VAL20110">#REF!</definedName>
    <definedName name="_____VAL20115" localSheetId="2">#REF!</definedName>
    <definedName name="_____VAL20115">#REF!</definedName>
    <definedName name="_____VAL20130" localSheetId="2">#REF!</definedName>
    <definedName name="_____VAL20130">#REF!</definedName>
    <definedName name="_____VAL20135" localSheetId="2">#REF!</definedName>
    <definedName name="_____VAL20135">#REF!</definedName>
    <definedName name="_____VAL20140" localSheetId="2">#REF!</definedName>
    <definedName name="_____VAL20140">#REF!</definedName>
    <definedName name="_____VAL20145" localSheetId="2">#REF!</definedName>
    <definedName name="_____VAL20145">#REF!</definedName>
    <definedName name="_____VAL20150" localSheetId="2">#REF!</definedName>
    <definedName name="_____VAL20150">#REF!</definedName>
    <definedName name="_____VAL20155" localSheetId="2">#REF!</definedName>
    <definedName name="_____VAL20155">#REF!</definedName>
    <definedName name="_____VAL20175" localSheetId="2">#REF!</definedName>
    <definedName name="_____VAL20175">#REF!</definedName>
    <definedName name="_____VAL20185" localSheetId="2">#REF!</definedName>
    <definedName name="_____VAL20185">#REF!</definedName>
    <definedName name="_____VAL20190" localSheetId="2">#REF!</definedName>
    <definedName name="_____VAL20190">#REF!</definedName>
    <definedName name="_____VAL20195" localSheetId="2">#REF!</definedName>
    <definedName name="_____VAL20195">#REF!</definedName>
    <definedName name="_____VAL20210" localSheetId="2">#REF!</definedName>
    <definedName name="_____VAL20210">#REF!</definedName>
    <definedName name="____A1" localSheetId="2">#REF!</definedName>
    <definedName name="____A1">#REF!</definedName>
    <definedName name="____cab1" localSheetId="2">#REF!</definedName>
    <definedName name="____cab1">#REF!</definedName>
    <definedName name="____COM010201" localSheetId="2">#REF!</definedName>
    <definedName name="____COM010201">#REF!</definedName>
    <definedName name="____COM010202" localSheetId="2">#REF!</definedName>
    <definedName name="____COM010202">#REF!</definedName>
    <definedName name="____COM010205" localSheetId="2">#REF!</definedName>
    <definedName name="____COM010205">#REF!</definedName>
    <definedName name="____COM010206" localSheetId="2">#REF!</definedName>
    <definedName name="____COM010206">#REF!</definedName>
    <definedName name="____COM010210" localSheetId="2">#REF!</definedName>
    <definedName name="____COM010210">#REF!</definedName>
    <definedName name="____COM010301" localSheetId="2">#REF!</definedName>
    <definedName name="____COM010301">#REF!</definedName>
    <definedName name="____COM010401" localSheetId="2">#REF!</definedName>
    <definedName name="____COM010401">#REF!</definedName>
    <definedName name="____COM010402" localSheetId="2">#REF!</definedName>
    <definedName name="____COM010402">#REF!</definedName>
    <definedName name="____COM010407" localSheetId="2">#REF!</definedName>
    <definedName name="____COM010407">#REF!</definedName>
    <definedName name="____COM010413" localSheetId="2">#REF!</definedName>
    <definedName name="____COM010413">#REF!</definedName>
    <definedName name="____COM010501" localSheetId="2">#REF!</definedName>
    <definedName name="____COM010501">#REF!</definedName>
    <definedName name="____COM010503" localSheetId="2">#REF!</definedName>
    <definedName name="____COM010503">#REF!</definedName>
    <definedName name="____COM010505" localSheetId="2">#REF!</definedName>
    <definedName name="____COM010505">#REF!</definedName>
    <definedName name="____COM010509" localSheetId="2">#REF!</definedName>
    <definedName name="____COM010509">#REF!</definedName>
    <definedName name="____COM010512" localSheetId="2">#REF!</definedName>
    <definedName name="____COM010512">#REF!</definedName>
    <definedName name="____COM010518" localSheetId="2">#REF!</definedName>
    <definedName name="____COM010518">#REF!</definedName>
    <definedName name="____COM010519" localSheetId="2">#REF!</definedName>
    <definedName name="____COM010519">#REF!</definedName>
    <definedName name="____COM010521" localSheetId="2">#REF!</definedName>
    <definedName name="____COM010521">#REF!</definedName>
    <definedName name="____COM010523" localSheetId="2">#REF!</definedName>
    <definedName name="____COM010523">#REF!</definedName>
    <definedName name="____COM010532" localSheetId="2">#REF!</definedName>
    <definedName name="____COM010532">#REF!</definedName>
    <definedName name="____COM010533" localSheetId="2">#REF!</definedName>
    <definedName name="____COM010533">#REF!</definedName>
    <definedName name="____COM010536" localSheetId="2">#REF!</definedName>
    <definedName name="____COM010536">#REF!</definedName>
    <definedName name="____COM010701" localSheetId="2">#REF!</definedName>
    <definedName name="____COM010701">#REF!</definedName>
    <definedName name="____COM010703" localSheetId="2">#REF!</definedName>
    <definedName name="____COM010703">#REF!</definedName>
    <definedName name="____COM010705" localSheetId="2">#REF!</definedName>
    <definedName name="____COM010705">#REF!</definedName>
    <definedName name="____COM010708" localSheetId="2">#REF!</definedName>
    <definedName name="____COM010708">#REF!</definedName>
    <definedName name="____COM010710" localSheetId="2">#REF!</definedName>
    <definedName name="____COM010710">#REF!</definedName>
    <definedName name="____COM010712" localSheetId="2">#REF!</definedName>
    <definedName name="____COM010712">#REF!</definedName>
    <definedName name="____COM010717" localSheetId="2">#REF!</definedName>
    <definedName name="____COM010717">#REF!</definedName>
    <definedName name="____COM010718" localSheetId="2">#REF!</definedName>
    <definedName name="____COM010718">#REF!</definedName>
    <definedName name="____COM020201" localSheetId="2">#REF!</definedName>
    <definedName name="____COM020201">#REF!</definedName>
    <definedName name="____COM020205" localSheetId="2">#REF!</definedName>
    <definedName name="____COM020205">#REF!</definedName>
    <definedName name="____COM020211" localSheetId="2">#REF!</definedName>
    <definedName name="____COM020211">#REF!</definedName>
    <definedName name="____COM020217" localSheetId="2">#REF!</definedName>
    <definedName name="____COM020217">#REF!</definedName>
    <definedName name="____COM030102" localSheetId="2">#REF!</definedName>
    <definedName name="____COM030102">#REF!</definedName>
    <definedName name="____COM030201" localSheetId="2">#REF!</definedName>
    <definedName name="____COM030201">#REF!</definedName>
    <definedName name="____COM030303" localSheetId="2">#REF!</definedName>
    <definedName name="____COM030303">#REF!</definedName>
    <definedName name="____COM030317" localSheetId="2">#REF!</definedName>
    <definedName name="____COM030317">#REF!</definedName>
    <definedName name="____COM040101" localSheetId="2">#REF!</definedName>
    <definedName name="____COM040101">#REF!</definedName>
    <definedName name="____COM040202" localSheetId="2">#REF!</definedName>
    <definedName name="____COM040202">#REF!</definedName>
    <definedName name="____COM050103" localSheetId="2">#REF!</definedName>
    <definedName name="____COM050103">#REF!</definedName>
    <definedName name="____COM050207" localSheetId="2">#REF!</definedName>
    <definedName name="____COM050207">#REF!</definedName>
    <definedName name="____COM060101" localSheetId="2">#REF!</definedName>
    <definedName name="____COM060101">#REF!</definedName>
    <definedName name="____COM080101" localSheetId="2">#REF!</definedName>
    <definedName name="____COM080101">#REF!</definedName>
    <definedName name="____COM080310" localSheetId="2">#REF!</definedName>
    <definedName name="____COM080310">#REF!</definedName>
    <definedName name="____COM090101" localSheetId="2">#REF!</definedName>
    <definedName name="____COM090101">#REF!</definedName>
    <definedName name="____COM100302" localSheetId="2">#REF!</definedName>
    <definedName name="____COM100302">#REF!</definedName>
    <definedName name="____COM110101" localSheetId="2">#REF!</definedName>
    <definedName name="____COM110101">#REF!</definedName>
    <definedName name="____COM110104" localSheetId="2">#REF!</definedName>
    <definedName name="____COM110104">#REF!</definedName>
    <definedName name="____COM110107" localSheetId="2">#REF!</definedName>
    <definedName name="____COM110107">#REF!</definedName>
    <definedName name="____COM120101" localSheetId="2">#REF!</definedName>
    <definedName name="____COM120101">#REF!</definedName>
    <definedName name="____COM120105" localSheetId="2">#REF!</definedName>
    <definedName name="____COM120105">#REF!</definedName>
    <definedName name="____COM120106" localSheetId="2">#REF!</definedName>
    <definedName name="____COM120106">#REF!</definedName>
    <definedName name="____COM120107" localSheetId="2">#REF!</definedName>
    <definedName name="____COM120107">#REF!</definedName>
    <definedName name="____COM120110" localSheetId="2">#REF!</definedName>
    <definedName name="____COM120110">#REF!</definedName>
    <definedName name="____COM120150" localSheetId="2">#REF!</definedName>
    <definedName name="____COM120150">#REF!</definedName>
    <definedName name="____COM130101" localSheetId="2">#REF!</definedName>
    <definedName name="____COM130101">#REF!</definedName>
    <definedName name="____COM130103" localSheetId="2">#REF!</definedName>
    <definedName name="____COM130103">#REF!</definedName>
    <definedName name="____COM130304" localSheetId="2">#REF!</definedName>
    <definedName name="____COM130304">#REF!</definedName>
    <definedName name="____COM130401" localSheetId="2">#REF!</definedName>
    <definedName name="____COM130401">#REF!</definedName>
    <definedName name="____COM140102" localSheetId="2">#REF!</definedName>
    <definedName name="____COM140102">#REF!</definedName>
    <definedName name="____COM140109" localSheetId="2">#REF!</definedName>
    <definedName name="____COM140109">#REF!</definedName>
    <definedName name="____COM140113" localSheetId="2">#REF!</definedName>
    <definedName name="____COM140113">#REF!</definedName>
    <definedName name="____COM140122" localSheetId="2">#REF!</definedName>
    <definedName name="____COM140122">#REF!</definedName>
    <definedName name="____COM140126" localSheetId="2">#REF!</definedName>
    <definedName name="____COM140126">#REF!</definedName>
    <definedName name="____COM140129" localSheetId="2">#REF!</definedName>
    <definedName name="____COM140129">#REF!</definedName>
    <definedName name="____COM140135" localSheetId="2">#REF!</definedName>
    <definedName name="____COM140135">#REF!</definedName>
    <definedName name="____COM140143" localSheetId="2">#REF!</definedName>
    <definedName name="____COM140143">#REF!</definedName>
    <definedName name="____COM140145" localSheetId="2">#REF!</definedName>
    <definedName name="____COM140145">#REF!</definedName>
    <definedName name="____COM150130" localSheetId="2">#REF!</definedName>
    <definedName name="____COM150130">#REF!</definedName>
    <definedName name="____COM170101" localSheetId="2">#REF!</definedName>
    <definedName name="____COM170101">#REF!</definedName>
    <definedName name="____COM170102" localSheetId="2">#REF!</definedName>
    <definedName name="____COM170102">#REF!</definedName>
    <definedName name="____COM170103" localSheetId="2">#REF!</definedName>
    <definedName name="____COM170103">#REF!</definedName>
    <definedName name="____GLB2" localSheetId="2">#REF!</definedName>
    <definedName name="____GLB2">#REF!</definedName>
    <definedName name="____i3" localSheetId="2">#REF!</definedName>
    <definedName name="____i3">#REF!</definedName>
    <definedName name="____MAO010201" localSheetId="2">#REF!</definedName>
    <definedName name="____MAO010201">#REF!</definedName>
    <definedName name="____MAO010202" localSheetId="2">#REF!</definedName>
    <definedName name="____MAO010202">#REF!</definedName>
    <definedName name="____MAO010205" localSheetId="2">#REF!</definedName>
    <definedName name="____MAO010205">#REF!</definedName>
    <definedName name="____MAO010206" localSheetId="2">#REF!</definedName>
    <definedName name="____MAO010206">#REF!</definedName>
    <definedName name="____MAO010210" localSheetId="2">#REF!</definedName>
    <definedName name="____MAO010210">#REF!</definedName>
    <definedName name="____MAO010401" localSheetId="2">#REF!</definedName>
    <definedName name="____MAO010401">#REF!</definedName>
    <definedName name="____MAO010402" localSheetId="2">#REF!</definedName>
    <definedName name="____MAO010402">#REF!</definedName>
    <definedName name="____MAO010407" localSheetId="2">#REF!</definedName>
    <definedName name="____MAO010407">#REF!</definedName>
    <definedName name="____MAO010413" localSheetId="2">#REF!</definedName>
    <definedName name="____MAO010413">#REF!</definedName>
    <definedName name="____MAO010501" localSheetId="2">#REF!</definedName>
    <definedName name="____MAO010501">#REF!</definedName>
    <definedName name="____MAO010503" localSheetId="2">#REF!</definedName>
    <definedName name="____MAO010503">#REF!</definedName>
    <definedName name="____MAO010505" localSheetId="2">#REF!</definedName>
    <definedName name="____MAO010505">#REF!</definedName>
    <definedName name="____MAO010509" localSheetId="2">#REF!</definedName>
    <definedName name="____MAO010509">#REF!</definedName>
    <definedName name="____MAO010512" localSheetId="2">#REF!</definedName>
    <definedName name="____MAO010512">#REF!</definedName>
    <definedName name="____MAO010518" localSheetId="2">#REF!</definedName>
    <definedName name="____MAO010518">#REF!</definedName>
    <definedName name="____MAO010519" localSheetId="2">#REF!</definedName>
    <definedName name="____MAO010519">#REF!</definedName>
    <definedName name="____MAO010521" localSheetId="2">#REF!</definedName>
    <definedName name="____MAO010521">#REF!</definedName>
    <definedName name="____MAO010523" localSheetId="2">#REF!</definedName>
    <definedName name="____MAO010523">#REF!</definedName>
    <definedName name="____MAO010532" localSheetId="2">#REF!</definedName>
    <definedName name="____MAO010532">#REF!</definedName>
    <definedName name="____MAO010533" localSheetId="2">#REF!</definedName>
    <definedName name="____MAO010533">#REF!</definedName>
    <definedName name="____MAO010536" localSheetId="2">#REF!</definedName>
    <definedName name="____MAO010536">#REF!</definedName>
    <definedName name="____MAO010701" localSheetId="2">#REF!</definedName>
    <definedName name="____MAO010701">#REF!</definedName>
    <definedName name="____MAO010703" localSheetId="2">#REF!</definedName>
    <definedName name="____MAO010703">#REF!</definedName>
    <definedName name="____MAO010705" localSheetId="2">#REF!</definedName>
    <definedName name="____MAO010705">#REF!</definedName>
    <definedName name="____MAO010708" localSheetId="2">#REF!</definedName>
    <definedName name="____MAO010708">#REF!</definedName>
    <definedName name="____MAO010710" localSheetId="2">#REF!</definedName>
    <definedName name="____MAO010710">#REF!</definedName>
    <definedName name="____MAO010712" localSheetId="2">#REF!</definedName>
    <definedName name="____MAO010712">#REF!</definedName>
    <definedName name="____MAO010717" localSheetId="2">#REF!</definedName>
    <definedName name="____MAO010717">#REF!</definedName>
    <definedName name="____MAO020201" localSheetId="2">#REF!</definedName>
    <definedName name="____MAO020201">#REF!</definedName>
    <definedName name="____MAO020205" localSheetId="2">#REF!</definedName>
    <definedName name="____MAO020205">#REF!</definedName>
    <definedName name="____MAO020211" localSheetId="2">#REF!</definedName>
    <definedName name="____MAO020211">#REF!</definedName>
    <definedName name="____MAO020217" localSheetId="2">#REF!</definedName>
    <definedName name="____MAO020217">#REF!</definedName>
    <definedName name="____MAO030102" localSheetId="2">#REF!</definedName>
    <definedName name="____MAO030102">#REF!</definedName>
    <definedName name="____MAO030201" localSheetId="2">#REF!</definedName>
    <definedName name="____MAO030201">#REF!</definedName>
    <definedName name="____MAO030303" localSheetId="2">#REF!</definedName>
    <definedName name="____MAO030303">#REF!</definedName>
    <definedName name="____MAO030317" localSheetId="2">#REF!</definedName>
    <definedName name="____MAO030317">#REF!</definedName>
    <definedName name="____MAO040101" localSheetId="2">#REF!</definedName>
    <definedName name="____MAO040101">#REF!</definedName>
    <definedName name="____MAO040202" localSheetId="2">#REF!</definedName>
    <definedName name="____MAO040202">#REF!</definedName>
    <definedName name="____MAO050103" localSheetId="2">#REF!</definedName>
    <definedName name="____MAO050103">#REF!</definedName>
    <definedName name="____MAO050207" localSheetId="2">#REF!</definedName>
    <definedName name="____MAO050207">#REF!</definedName>
    <definedName name="____MAO060101" localSheetId="2">#REF!</definedName>
    <definedName name="____MAO060101">#REF!</definedName>
    <definedName name="____MAO080310" localSheetId="2">#REF!</definedName>
    <definedName name="____MAO080310">#REF!</definedName>
    <definedName name="____MAO090101" localSheetId="2">#REF!</definedName>
    <definedName name="____MAO090101">#REF!</definedName>
    <definedName name="____MAO110101" localSheetId="2">#REF!</definedName>
    <definedName name="____MAO110101">#REF!</definedName>
    <definedName name="____MAO110104" localSheetId="2">#REF!</definedName>
    <definedName name="____MAO110104">#REF!</definedName>
    <definedName name="____MAO110107" localSheetId="2">#REF!</definedName>
    <definedName name="____MAO110107">#REF!</definedName>
    <definedName name="____MAO120101" localSheetId="2">#REF!</definedName>
    <definedName name="____MAO120101">#REF!</definedName>
    <definedName name="____MAO120105" localSheetId="2">#REF!</definedName>
    <definedName name="____MAO120105">#REF!</definedName>
    <definedName name="____MAO120106" localSheetId="2">#REF!</definedName>
    <definedName name="____MAO120106">#REF!</definedName>
    <definedName name="____MAO120107" localSheetId="2">#REF!</definedName>
    <definedName name="____MAO120107">#REF!</definedName>
    <definedName name="____MAO120110" localSheetId="2">#REF!</definedName>
    <definedName name="____MAO120110">#REF!</definedName>
    <definedName name="____MAO120150" localSheetId="2">#REF!</definedName>
    <definedName name="____MAO120150">#REF!</definedName>
    <definedName name="____MAO130101" localSheetId="2">#REF!</definedName>
    <definedName name="____MAO130101">#REF!</definedName>
    <definedName name="____MAO130103" localSheetId="2">#REF!</definedName>
    <definedName name="____MAO130103">#REF!</definedName>
    <definedName name="____MAO130304" localSheetId="2">#REF!</definedName>
    <definedName name="____MAO130304">#REF!</definedName>
    <definedName name="____MAO130401" localSheetId="2">#REF!</definedName>
    <definedName name="____MAO130401">#REF!</definedName>
    <definedName name="____MAO140102" localSheetId="2">#REF!</definedName>
    <definedName name="____MAO140102">#REF!</definedName>
    <definedName name="____MAO140109" localSheetId="2">#REF!</definedName>
    <definedName name="____MAO140109">#REF!</definedName>
    <definedName name="____MAO140113" localSheetId="2">#REF!</definedName>
    <definedName name="____MAO140113">#REF!</definedName>
    <definedName name="____MAO140122" localSheetId="2">#REF!</definedName>
    <definedName name="____MAO140122">#REF!</definedName>
    <definedName name="____MAO140126" localSheetId="2">#REF!</definedName>
    <definedName name="____MAO140126">#REF!</definedName>
    <definedName name="____MAO140129" localSheetId="2">#REF!</definedName>
    <definedName name="____MAO140129">#REF!</definedName>
    <definedName name="____MAO140135" localSheetId="2">#REF!</definedName>
    <definedName name="____MAO140135">#REF!</definedName>
    <definedName name="____MAO140143" localSheetId="2">#REF!</definedName>
    <definedName name="____MAO140143">#REF!</definedName>
    <definedName name="____MAO140145" localSheetId="2">#REF!</definedName>
    <definedName name="____MAO140145">#REF!</definedName>
    <definedName name="____MAT010301" localSheetId="2">#REF!</definedName>
    <definedName name="____MAT010301">#REF!</definedName>
    <definedName name="____MAT010401" localSheetId="2">#REF!</definedName>
    <definedName name="____MAT010401">#REF!</definedName>
    <definedName name="____MAT010402" localSheetId="2">#REF!</definedName>
    <definedName name="____MAT010402">#REF!</definedName>
    <definedName name="____MAT010407" localSheetId="2">#REF!</definedName>
    <definedName name="____MAT010407">#REF!</definedName>
    <definedName name="____MAT010413" localSheetId="2">#REF!</definedName>
    <definedName name="____MAT010413">#REF!</definedName>
    <definedName name="____MAT010536" localSheetId="2">#REF!</definedName>
    <definedName name="____MAT010536">#REF!</definedName>
    <definedName name="____MAT010703" localSheetId="2">#REF!</definedName>
    <definedName name="____MAT010703">#REF!</definedName>
    <definedName name="____MAT010708" localSheetId="2">#REF!</definedName>
    <definedName name="____MAT010708">#REF!</definedName>
    <definedName name="____MAT010710" localSheetId="2">#REF!</definedName>
    <definedName name="____MAT010710">#REF!</definedName>
    <definedName name="____MAT010718" localSheetId="2">#REF!</definedName>
    <definedName name="____MAT010718">#REF!</definedName>
    <definedName name="____MAT020201" localSheetId="2">#REF!</definedName>
    <definedName name="____MAT020201">#REF!</definedName>
    <definedName name="____MAT020205" localSheetId="2">#REF!</definedName>
    <definedName name="____MAT020205">#REF!</definedName>
    <definedName name="____MAT020211" localSheetId="2">#REF!</definedName>
    <definedName name="____MAT020211">#REF!</definedName>
    <definedName name="____MAT030102" localSheetId="2">#REF!</definedName>
    <definedName name="____MAT030102">#REF!</definedName>
    <definedName name="____MAT030201" localSheetId="2">#REF!</definedName>
    <definedName name="____MAT030201">#REF!</definedName>
    <definedName name="____MAT030303" localSheetId="2">#REF!</definedName>
    <definedName name="____MAT030303">#REF!</definedName>
    <definedName name="____MAT030317" localSheetId="2">#REF!</definedName>
    <definedName name="____MAT030317">#REF!</definedName>
    <definedName name="____MAT040101" localSheetId="2">#REF!</definedName>
    <definedName name="____MAT040101">#REF!</definedName>
    <definedName name="____MAT040202" localSheetId="2">#REF!</definedName>
    <definedName name="____MAT040202">#REF!</definedName>
    <definedName name="____MAT050103" localSheetId="2">#REF!</definedName>
    <definedName name="____MAT050103">#REF!</definedName>
    <definedName name="____MAT050207" localSheetId="2">#REF!</definedName>
    <definedName name="____MAT050207">#REF!</definedName>
    <definedName name="____MAT060101" localSheetId="2">#REF!</definedName>
    <definedName name="____MAT060101">#REF!</definedName>
    <definedName name="____MAT080101" localSheetId="2">#REF!</definedName>
    <definedName name="____MAT080101">#REF!</definedName>
    <definedName name="____MAT080310" localSheetId="2">#REF!</definedName>
    <definedName name="____MAT080310">#REF!</definedName>
    <definedName name="____MAT090101" localSheetId="2">#REF!</definedName>
    <definedName name="____MAT090101">#REF!</definedName>
    <definedName name="____MAT100302" localSheetId="2">#REF!</definedName>
    <definedName name="____MAT100302">#REF!</definedName>
    <definedName name="____MAT110101" localSheetId="2">#REF!</definedName>
    <definedName name="____MAT110101">#REF!</definedName>
    <definedName name="____MAT110104" localSheetId="2">#REF!</definedName>
    <definedName name="____MAT110104">#REF!</definedName>
    <definedName name="____MAT110107" localSheetId="2">#REF!</definedName>
    <definedName name="____MAT110107">#REF!</definedName>
    <definedName name="____MAT120101" localSheetId="2">#REF!</definedName>
    <definedName name="____MAT120101">#REF!</definedName>
    <definedName name="____MAT120105" localSheetId="2">#REF!</definedName>
    <definedName name="____MAT120105">#REF!</definedName>
    <definedName name="____MAT120106" localSheetId="2">#REF!</definedName>
    <definedName name="____MAT120106">#REF!</definedName>
    <definedName name="____MAT120107" localSheetId="2">#REF!</definedName>
    <definedName name="____MAT120107">#REF!</definedName>
    <definedName name="____MAT120110" localSheetId="2">#REF!</definedName>
    <definedName name="____MAT120110">#REF!</definedName>
    <definedName name="____MAT120150" localSheetId="2">#REF!</definedName>
    <definedName name="____MAT120150">#REF!</definedName>
    <definedName name="____MAT130101" localSheetId="2">#REF!</definedName>
    <definedName name="____MAT130101">#REF!</definedName>
    <definedName name="____MAT130103" localSheetId="2">#REF!</definedName>
    <definedName name="____MAT130103">#REF!</definedName>
    <definedName name="____MAT130304" localSheetId="2">#REF!</definedName>
    <definedName name="____MAT130304">#REF!</definedName>
    <definedName name="____MAT130401" localSheetId="2">#REF!</definedName>
    <definedName name="____MAT130401">#REF!</definedName>
    <definedName name="____MAT140102" localSheetId="2">#REF!</definedName>
    <definedName name="____MAT140102">#REF!</definedName>
    <definedName name="____MAT140109" localSheetId="2">#REF!</definedName>
    <definedName name="____MAT140109">#REF!</definedName>
    <definedName name="____MAT140113" localSheetId="2">#REF!</definedName>
    <definedName name="____MAT140113">#REF!</definedName>
    <definedName name="____MAT140122" localSheetId="2">#REF!</definedName>
    <definedName name="____MAT140122">#REF!</definedName>
    <definedName name="____MAT140126" localSheetId="2">#REF!</definedName>
    <definedName name="____MAT140126">#REF!</definedName>
    <definedName name="____MAT140129" localSheetId="2">#REF!</definedName>
    <definedName name="____MAT140129">#REF!</definedName>
    <definedName name="____MAT140135" localSheetId="2">#REF!</definedName>
    <definedName name="____MAT140135">#REF!</definedName>
    <definedName name="____MAT140143" localSheetId="2">#REF!</definedName>
    <definedName name="____MAT140143">#REF!</definedName>
    <definedName name="____MAT140145" localSheetId="2">#REF!</definedName>
    <definedName name="____MAT140145">#REF!</definedName>
    <definedName name="____MAT150130" localSheetId="2">#REF!</definedName>
    <definedName name="____MAT150130">#REF!</definedName>
    <definedName name="____MAT170101" localSheetId="2">#REF!</definedName>
    <definedName name="____MAT170101">#REF!</definedName>
    <definedName name="____MAT170102" localSheetId="2">#REF!</definedName>
    <definedName name="____MAT170102">#REF!</definedName>
    <definedName name="____MAT170103" localSheetId="2">#REF!</definedName>
    <definedName name="____MAT170103">#REF!</definedName>
    <definedName name="____PRE010201" localSheetId="2">#REF!</definedName>
    <definedName name="____PRE010201">#REF!</definedName>
    <definedName name="____PRE010202" localSheetId="2">#REF!</definedName>
    <definedName name="____PRE010202">#REF!</definedName>
    <definedName name="____PRE010205" localSheetId="2">#REF!</definedName>
    <definedName name="____PRE010205">#REF!</definedName>
    <definedName name="____PRE010206" localSheetId="2">#REF!</definedName>
    <definedName name="____PRE010206">#REF!</definedName>
    <definedName name="____PRE010210" localSheetId="2">#REF!</definedName>
    <definedName name="____PRE010210">#REF!</definedName>
    <definedName name="____PRE010301" localSheetId="2">#REF!</definedName>
    <definedName name="____PRE010301">#REF!</definedName>
    <definedName name="____PRE010401" localSheetId="2">#REF!</definedName>
    <definedName name="____PRE010401">#REF!</definedName>
    <definedName name="____PRE010402" localSheetId="2">#REF!</definedName>
    <definedName name="____PRE010402">#REF!</definedName>
    <definedName name="____PRE010407" localSheetId="2">#REF!</definedName>
    <definedName name="____PRE010407">#REF!</definedName>
    <definedName name="____PRE010413" localSheetId="2">#REF!</definedName>
    <definedName name="____PRE010413">#REF!</definedName>
    <definedName name="____PRE010501" localSheetId="2">#REF!</definedName>
    <definedName name="____PRE010501">#REF!</definedName>
    <definedName name="____PRE010503" localSheetId="2">#REF!</definedName>
    <definedName name="____PRE010503">#REF!</definedName>
    <definedName name="____PRE010505" localSheetId="2">#REF!</definedName>
    <definedName name="____PRE010505">#REF!</definedName>
    <definedName name="____PRE010509" localSheetId="2">#REF!</definedName>
    <definedName name="____PRE010509">#REF!</definedName>
    <definedName name="____PRE010512" localSheetId="2">#REF!</definedName>
    <definedName name="____PRE010512">#REF!</definedName>
    <definedName name="____PRE010518" localSheetId="2">#REF!</definedName>
    <definedName name="____PRE010518">#REF!</definedName>
    <definedName name="____PRE010519" localSheetId="2">#REF!</definedName>
    <definedName name="____PRE010519">#REF!</definedName>
    <definedName name="____PRE010521" localSheetId="2">#REF!</definedName>
    <definedName name="____PRE010521">#REF!</definedName>
    <definedName name="____PRE010523" localSheetId="2">#REF!</definedName>
    <definedName name="____PRE010523">#REF!</definedName>
    <definedName name="____PRE010532" localSheetId="2">#REF!</definedName>
    <definedName name="____PRE010532">#REF!</definedName>
    <definedName name="____PRE010533" localSheetId="2">#REF!</definedName>
    <definedName name="____PRE010533">#REF!</definedName>
    <definedName name="____PRE010536" localSheetId="2">#REF!</definedName>
    <definedName name="____PRE010536">#REF!</definedName>
    <definedName name="____PRE010701" localSheetId="2">#REF!</definedName>
    <definedName name="____PRE010701">#REF!</definedName>
    <definedName name="____PRE010703" localSheetId="2">#REF!</definedName>
    <definedName name="____PRE010703">#REF!</definedName>
    <definedName name="____PRE010705" localSheetId="2">#REF!</definedName>
    <definedName name="____PRE010705">#REF!</definedName>
    <definedName name="____PRE010708" localSheetId="2">#REF!</definedName>
    <definedName name="____PRE010708">#REF!</definedName>
    <definedName name="____PRE010710" localSheetId="2">#REF!</definedName>
    <definedName name="____PRE010710">#REF!</definedName>
    <definedName name="____PRE010712" localSheetId="2">#REF!</definedName>
    <definedName name="____PRE010712">#REF!</definedName>
    <definedName name="____PRE010717" localSheetId="2">#REF!</definedName>
    <definedName name="____PRE010717">#REF!</definedName>
    <definedName name="____PRE010718" localSheetId="2">#REF!</definedName>
    <definedName name="____PRE010718">#REF!</definedName>
    <definedName name="____PRE020201" localSheetId="2">#REF!</definedName>
    <definedName name="____PRE020201">#REF!</definedName>
    <definedName name="____PRE020205" localSheetId="2">#REF!</definedName>
    <definedName name="____PRE020205">#REF!</definedName>
    <definedName name="____PRE020211" localSheetId="2">#REF!</definedName>
    <definedName name="____PRE020211">#REF!</definedName>
    <definedName name="____PRE020217" localSheetId="2">#REF!</definedName>
    <definedName name="____PRE020217">#REF!</definedName>
    <definedName name="____PRE030102" localSheetId="2">#REF!</definedName>
    <definedName name="____PRE030102">#REF!</definedName>
    <definedName name="____PRE030201" localSheetId="2">#REF!</definedName>
    <definedName name="____PRE030201">#REF!</definedName>
    <definedName name="____PRE030303" localSheetId="2">#REF!</definedName>
    <definedName name="____PRE030303">#REF!</definedName>
    <definedName name="____PRE030317" localSheetId="2">#REF!</definedName>
    <definedName name="____PRE030317">#REF!</definedName>
    <definedName name="____PRE040101" localSheetId="2">#REF!</definedName>
    <definedName name="____PRE040101">#REF!</definedName>
    <definedName name="____PRE040202" localSheetId="2">#REF!</definedName>
    <definedName name="____PRE040202">#REF!</definedName>
    <definedName name="____PRE050103" localSheetId="2">#REF!</definedName>
    <definedName name="____PRE050103">#REF!</definedName>
    <definedName name="____PRE050207" localSheetId="2">#REF!</definedName>
    <definedName name="____PRE050207">#REF!</definedName>
    <definedName name="____PRE060101" localSheetId="2">#REF!</definedName>
    <definedName name="____PRE060101">#REF!</definedName>
    <definedName name="____PRE080101" localSheetId="2">#REF!</definedName>
    <definedName name="____PRE080101">#REF!</definedName>
    <definedName name="____PRE080310" localSheetId="2">#REF!</definedName>
    <definedName name="____PRE080310">#REF!</definedName>
    <definedName name="____PRE090101" localSheetId="2">#REF!</definedName>
    <definedName name="____PRE090101">#REF!</definedName>
    <definedName name="____PRE100302" localSheetId="2">#REF!</definedName>
    <definedName name="____PRE100302">#REF!</definedName>
    <definedName name="____PRE110101" localSheetId="2">#REF!</definedName>
    <definedName name="____PRE110101">#REF!</definedName>
    <definedName name="____PRE110104" localSheetId="2">#REF!</definedName>
    <definedName name="____PRE110104">#REF!</definedName>
    <definedName name="____PRE110107" localSheetId="2">#REF!</definedName>
    <definedName name="____PRE110107">#REF!</definedName>
    <definedName name="____PRE120101" localSheetId="2">#REF!</definedName>
    <definedName name="____PRE120101">#REF!</definedName>
    <definedName name="____PRE120105" localSheetId="2">#REF!</definedName>
    <definedName name="____PRE120105">#REF!</definedName>
    <definedName name="____PRE120106" localSheetId="2">#REF!</definedName>
    <definedName name="____PRE120106">#REF!</definedName>
    <definedName name="____PRE120107" localSheetId="2">#REF!</definedName>
    <definedName name="____PRE120107">#REF!</definedName>
    <definedName name="____PRE120110" localSheetId="2">#REF!</definedName>
    <definedName name="____PRE120110">#REF!</definedName>
    <definedName name="____PRE120150" localSheetId="2">#REF!</definedName>
    <definedName name="____PRE120150">#REF!</definedName>
    <definedName name="____PRE130101" localSheetId="2">#REF!</definedName>
    <definedName name="____PRE130101">#REF!</definedName>
    <definedName name="____PRE130103" localSheetId="2">#REF!</definedName>
    <definedName name="____PRE130103">#REF!</definedName>
    <definedName name="____PRE130304" localSheetId="2">#REF!</definedName>
    <definedName name="____PRE130304">#REF!</definedName>
    <definedName name="____PRE130401" localSheetId="2">#REF!</definedName>
    <definedName name="____PRE130401">#REF!</definedName>
    <definedName name="____PRE140102" localSheetId="2">#REF!</definedName>
    <definedName name="____PRE140102">#REF!</definedName>
    <definedName name="____PRE140109" localSheetId="2">#REF!</definedName>
    <definedName name="____PRE140109">#REF!</definedName>
    <definedName name="____PRE140113" localSheetId="2">#REF!</definedName>
    <definedName name="____PRE140113">#REF!</definedName>
    <definedName name="____PRE140122" localSheetId="2">#REF!</definedName>
    <definedName name="____PRE140122">#REF!</definedName>
    <definedName name="____PRE140126" localSheetId="2">#REF!</definedName>
    <definedName name="____PRE140126">#REF!</definedName>
    <definedName name="____PRE140129" localSheetId="2">#REF!</definedName>
    <definedName name="____PRE140129">#REF!</definedName>
    <definedName name="____PRE140135" localSheetId="2">#REF!</definedName>
    <definedName name="____PRE140135">#REF!</definedName>
    <definedName name="____PRE140143" localSheetId="2">#REF!</definedName>
    <definedName name="____PRE140143">#REF!</definedName>
    <definedName name="____PRE140145" localSheetId="2">#REF!</definedName>
    <definedName name="____PRE140145">#REF!</definedName>
    <definedName name="____PRE150130" localSheetId="2">#REF!</definedName>
    <definedName name="____PRE150130">#REF!</definedName>
    <definedName name="____PRE170101" localSheetId="2">#REF!</definedName>
    <definedName name="____PRE170101">#REF!</definedName>
    <definedName name="____PRE170102" localSheetId="2">#REF!</definedName>
    <definedName name="____PRE170102">#REF!</definedName>
    <definedName name="____PRE170103" localSheetId="2">#REF!</definedName>
    <definedName name="____PRE170103">#REF!</definedName>
    <definedName name="____QUA010201" localSheetId="2">#REF!</definedName>
    <definedName name="____QUA010201">#REF!</definedName>
    <definedName name="____QUA010202" localSheetId="2">#REF!</definedName>
    <definedName name="____QUA010202">#REF!</definedName>
    <definedName name="____QUA010205" localSheetId="2">#REF!</definedName>
    <definedName name="____QUA010205">#REF!</definedName>
    <definedName name="____QUA010206" localSheetId="2">#REF!</definedName>
    <definedName name="____QUA010206">#REF!</definedName>
    <definedName name="____QUA010210" localSheetId="2">#REF!</definedName>
    <definedName name="____QUA010210">#REF!</definedName>
    <definedName name="____QUA010301" localSheetId="2">#REF!</definedName>
    <definedName name="____QUA010301">#REF!</definedName>
    <definedName name="____QUA010401" localSheetId="2">#REF!</definedName>
    <definedName name="____QUA010401">#REF!</definedName>
    <definedName name="____QUA010402" localSheetId="2">#REF!</definedName>
    <definedName name="____QUA010402">#REF!</definedName>
    <definedName name="____QUA010407" localSheetId="2">#REF!</definedName>
    <definedName name="____QUA010407">#REF!</definedName>
    <definedName name="____QUA010413" localSheetId="2">#REF!</definedName>
    <definedName name="____QUA010413">#REF!</definedName>
    <definedName name="____QUA010501" localSheetId="2">#REF!</definedName>
    <definedName name="____QUA010501">#REF!</definedName>
    <definedName name="____QUA010503" localSheetId="2">#REF!</definedName>
    <definedName name="____QUA010503">#REF!</definedName>
    <definedName name="____QUA010505" localSheetId="2">#REF!</definedName>
    <definedName name="____QUA010505">#REF!</definedName>
    <definedName name="____QUA010509" localSheetId="2">#REF!</definedName>
    <definedName name="____QUA010509">#REF!</definedName>
    <definedName name="____QUA010512" localSheetId="2">#REF!</definedName>
    <definedName name="____QUA010512">#REF!</definedName>
    <definedName name="____QUA010518" localSheetId="2">#REF!</definedName>
    <definedName name="____QUA010518">#REF!</definedName>
    <definedName name="____QUA010519" localSheetId="2">#REF!</definedName>
    <definedName name="____QUA010519">#REF!</definedName>
    <definedName name="____QUA010521" localSheetId="2">#REF!</definedName>
    <definedName name="____QUA010521">#REF!</definedName>
    <definedName name="____QUA010523" localSheetId="2">#REF!</definedName>
    <definedName name="____QUA010523">#REF!</definedName>
    <definedName name="____QUA010532" localSheetId="2">#REF!</definedName>
    <definedName name="____QUA010532">#REF!</definedName>
    <definedName name="____QUA010533" localSheetId="2">#REF!</definedName>
    <definedName name="____QUA010533">#REF!</definedName>
    <definedName name="____QUA010536" localSheetId="2">#REF!</definedName>
    <definedName name="____QUA010536">#REF!</definedName>
    <definedName name="____QUA010701" localSheetId="2">#REF!</definedName>
    <definedName name="____QUA010701">#REF!</definedName>
    <definedName name="____QUA010703" localSheetId="2">#REF!</definedName>
    <definedName name="____QUA010703">#REF!</definedName>
    <definedName name="____QUA010705" localSheetId="2">#REF!</definedName>
    <definedName name="____QUA010705">#REF!</definedName>
    <definedName name="____QUA010708" localSheetId="2">#REF!</definedName>
    <definedName name="____QUA010708">#REF!</definedName>
    <definedName name="____QUA010710" localSheetId="2">#REF!</definedName>
    <definedName name="____QUA010710">#REF!</definedName>
    <definedName name="____QUA010712" localSheetId="2">#REF!</definedName>
    <definedName name="____QUA010712">#REF!</definedName>
    <definedName name="____QUA010717" localSheetId="2">#REF!</definedName>
    <definedName name="____QUA010717">#REF!</definedName>
    <definedName name="____QUA010718" localSheetId="2">#REF!</definedName>
    <definedName name="____QUA010718">#REF!</definedName>
    <definedName name="____QUA020201" localSheetId="2">#REF!</definedName>
    <definedName name="____QUA020201">#REF!</definedName>
    <definedName name="____QUA020205" localSheetId="2">#REF!</definedName>
    <definedName name="____QUA020205">#REF!</definedName>
    <definedName name="____QUA020211" localSheetId="2">#REF!</definedName>
    <definedName name="____QUA020211">#REF!</definedName>
    <definedName name="____QUA020217" localSheetId="2">#REF!</definedName>
    <definedName name="____QUA020217">#REF!</definedName>
    <definedName name="____QUA030102" localSheetId="2">#REF!</definedName>
    <definedName name="____QUA030102">#REF!</definedName>
    <definedName name="____QUA030201" localSheetId="2">#REF!</definedName>
    <definedName name="____QUA030201">#REF!</definedName>
    <definedName name="____QUA030303" localSheetId="2">#REF!</definedName>
    <definedName name="____QUA030303">#REF!</definedName>
    <definedName name="____QUA030317" localSheetId="2">#REF!</definedName>
    <definedName name="____QUA030317">#REF!</definedName>
    <definedName name="____QUA040101" localSheetId="2">#REF!</definedName>
    <definedName name="____QUA040101">#REF!</definedName>
    <definedName name="____QUA040202" localSheetId="2">#REF!</definedName>
    <definedName name="____QUA040202">#REF!</definedName>
    <definedName name="____QUA050103" localSheetId="2">#REF!</definedName>
    <definedName name="____QUA050103">#REF!</definedName>
    <definedName name="____QUA050207" localSheetId="2">#REF!</definedName>
    <definedName name="____QUA050207">#REF!</definedName>
    <definedName name="____QUA060101" localSheetId="2">#REF!</definedName>
    <definedName name="____QUA060101">#REF!</definedName>
    <definedName name="____QUA080101" localSheetId="2">#REF!</definedName>
    <definedName name="____QUA080101">#REF!</definedName>
    <definedName name="____QUA080310" localSheetId="2">#REF!</definedName>
    <definedName name="____QUA080310">#REF!</definedName>
    <definedName name="____QUA090101" localSheetId="2">#REF!</definedName>
    <definedName name="____QUA090101">#REF!</definedName>
    <definedName name="____QUA100302" localSheetId="2">#REF!</definedName>
    <definedName name="____QUA100302">#REF!</definedName>
    <definedName name="____QUA110101" localSheetId="2">#REF!</definedName>
    <definedName name="____QUA110101">#REF!</definedName>
    <definedName name="____QUA110104" localSheetId="2">#REF!</definedName>
    <definedName name="____QUA110104">#REF!</definedName>
    <definedName name="____QUA110107" localSheetId="2">#REF!</definedName>
    <definedName name="____QUA110107">#REF!</definedName>
    <definedName name="____QUA120101" localSheetId="2">#REF!</definedName>
    <definedName name="____QUA120101">#REF!</definedName>
    <definedName name="____QUA120105" localSheetId="2">#REF!</definedName>
    <definedName name="____QUA120105">#REF!</definedName>
    <definedName name="____QUA120106" localSheetId="2">#REF!</definedName>
    <definedName name="____QUA120106">#REF!</definedName>
    <definedName name="____QUA120107" localSheetId="2">#REF!</definedName>
    <definedName name="____QUA120107">#REF!</definedName>
    <definedName name="____QUA120110" localSheetId="2">#REF!</definedName>
    <definedName name="____QUA120110">#REF!</definedName>
    <definedName name="____QUA120150" localSheetId="2">#REF!</definedName>
    <definedName name="____QUA120150">#REF!</definedName>
    <definedName name="____QUA130101" localSheetId="2">#REF!</definedName>
    <definedName name="____QUA130101">#REF!</definedName>
    <definedName name="____QUA130103" localSheetId="2">#REF!</definedName>
    <definedName name="____QUA130103">#REF!</definedName>
    <definedName name="____QUA130304" localSheetId="2">#REF!</definedName>
    <definedName name="____QUA130304">#REF!</definedName>
    <definedName name="____QUA130401" localSheetId="2">#REF!</definedName>
    <definedName name="____QUA130401">#REF!</definedName>
    <definedName name="____QUA140102" localSheetId="2">#REF!</definedName>
    <definedName name="____QUA140102">#REF!</definedName>
    <definedName name="____QUA140109" localSheetId="2">#REF!</definedName>
    <definedName name="____QUA140109">#REF!</definedName>
    <definedName name="____QUA140113" localSheetId="2">#REF!</definedName>
    <definedName name="____QUA140113">#REF!</definedName>
    <definedName name="____QUA140122" localSheetId="2">#REF!</definedName>
    <definedName name="____QUA140122">#REF!</definedName>
    <definedName name="____QUA140126" localSheetId="2">#REF!</definedName>
    <definedName name="____QUA140126">#REF!</definedName>
    <definedName name="____QUA140129" localSheetId="2">#REF!</definedName>
    <definedName name="____QUA140129">#REF!</definedName>
    <definedName name="____QUA140135" localSheetId="2">#REF!</definedName>
    <definedName name="____QUA140135">#REF!</definedName>
    <definedName name="____QUA140143" localSheetId="2">#REF!</definedName>
    <definedName name="____QUA140143">#REF!</definedName>
    <definedName name="____QUA140145" localSheetId="2">#REF!</definedName>
    <definedName name="____QUA140145">#REF!</definedName>
    <definedName name="____QUA150130" localSheetId="2">#REF!</definedName>
    <definedName name="____QUA150130">#REF!</definedName>
    <definedName name="____QUA170101" localSheetId="2">#REF!</definedName>
    <definedName name="____QUA170101">#REF!</definedName>
    <definedName name="____QUA170102" localSheetId="2">#REF!</definedName>
    <definedName name="____QUA170102">#REF!</definedName>
    <definedName name="____QUA170103" localSheetId="2">#REF!</definedName>
    <definedName name="____QUA170103">#REF!</definedName>
    <definedName name="____R" localSheetId="2">#REF!</definedName>
    <definedName name="____R">#REF!</definedName>
    <definedName name="____REC11100" localSheetId="2">#REF!</definedName>
    <definedName name="____REC11100">#REF!</definedName>
    <definedName name="____REC11110" localSheetId="2">#REF!</definedName>
    <definedName name="____REC11110">#REF!</definedName>
    <definedName name="____REC11115" localSheetId="2">#REF!</definedName>
    <definedName name="____REC11115">#REF!</definedName>
    <definedName name="____REC11125" localSheetId="2">#REF!</definedName>
    <definedName name="____REC11125">#REF!</definedName>
    <definedName name="____REC11130" localSheetId="2">#REF!</definedName>
    <definedName name="____REC11130">#REF!</definedName>
    <definedName name="____REC11135" localSheetId="2">#REF!</definedName>
    <definedName name="____REC11135">#REF!</definedName>
    <definedName name="____REC11145" localSheetId="2">#REF!</definedName>
    <definedName name="____REC11145">#REF!</definedName>
    <definedName name="____REC11150" localSheetId="2">#REF!</definedName>
    <definedName name="____REC11150">#REF!</definedName>
    <definedName name="____REC11165" localSheetId="2">#REF!</definedName>
    <definedName name="____REC11165">#REF!</definedName>
    <definedName name="____REC11170" localSheetId="2">#REF!</definedName>
    <definedName name="____REC11170">#REF!</definedName>
    <definedName name="____REC11180" localSheetId="2">#REF!</definedName>
    <definedName name="____REC11180">#REF!</definedName>
    <definedName name="____REC11185" localSheetId="2">#REF!</definedName>
    <definedName name="____REC11185">#REF!</definedName>
    <definedName name="____REC11220" localSheetId="2">#REF!</definedName>
    <definedName name="____REC11220">#REF!</definedName>
    <definedName name="____REC12105" localSheetId="2">#REF!</definedName>
    <definedName name="____REC12105">#REF!</definedName>
    <definedName name="____REC12555" localSheetId="2">#REF!</definedName>
    <definedName name="____REC12555">#REF!</definedName>
    <definedName name="____REC12570" localSheetId="2">#REF!</definedName>
    <definedName name="____REC12570">#REF!</definedName>
    <definedName name="____REC12575" localSheetId="2">#REF!</definedName>
    <definedName name="____REC12575">#REF!</definedName>
    <definedName name="____REC12580" localSheetId="2">#REF!</definedName>
    <definedName name="____REC12580">#REF!</definedName>
    <definedName name="____REC12600" localSheetId="2">#REF!</definedName>
    <definedName name="____REC12600">#REF!</definedName>
    <definedName name="____REC12610" localSheetId="2">#REF!</definedName>
    <definedName name="____REC12610">#REF!</definedName>
    <definedName name="____REC12630" localSheetId="2">#REF!</definedName>
    <definedName name="____REC12630">#REF!</definedName>
    <definedName name="____REC12631" localSheetId="2">#REF!</definedName>
    <definedName name="____REC12631">#REF!</definedName>
    <definedName name="____REC12640" localSheetId="2">#REF!</definedName>
    <definedName name="____REC12640">#REF!</definedName>
    <definedName name="____REC12645" localSheetId="2">#REF!</definedName>
    <definedName name="____REC12645">#REF!</definedName>
    <definedName name="____REC12665" localSheetId="2">#REF!</definedName>
    <definedName name="____REC12665">#REF!</definedName>
    <definedName name="____REC12690" localSheetId="2">#REF!</definedName>
    <definedName name="____REC12690">#REF!</definedName>
    <definedName name="____REC12700" localSheetId="2">#REF!</definedName>
    <definedName name="____REC12700">#REF!</definedName>
    <definedName name="____REC12710" localSheetId="2">#REF!</definedName>
    <definedName name="____REC12710">#REF!</definedName>
    <definedName name="____REC13111" localSheetId="2">#REF!</definedName>
    <definedName name="____REC13111">#REF!</definedName>
    <definedName name="____REC13112" localSheetId="2">#REF!</definedName>
    <definedName name="____REC13112">#REF!</definedName>
    <definedName name="____REC13121" localSheetId="2">#REF!</definedName>
    <definedName name="____REC13121">#REF!</definedName>
    <definedName name="____REC13720" localSheetId="2">#REF!</definedName>
    <definedName name="____REC13720">#REF!</definedName>
    <definedName name="____REC14100" localSheetId="2">#REF!</definedName>
    <definedName name="____REC14100">#REF!</definedName>
    <definedName name="____REC14161" localSheetId="2">#REF!</definedName>
    <definedName name="____REC14161">#REF!</definedName>
    <definedName name="____REC14195" localSheetId="2">#REF!</definedName>
    <definedName name="____REC14195">#REF!</definedName>
    <definedName name="____REC14205" localSheetId="2">#REF!</definedName>
    <definedName name="____REC14205">#REF!</definedName>
    <definedName name="____REC14260" localSheetId="2">#REF!</definedName>
    <definedName name="____REC14260">#REF!</definedName>
    <definedName name="____REC14500" localSheetId="2">#REF!</definedName>
    <definedName name="____REC14500">#REF!</definedName>
    <definedName name="____REC14515" localSheetId="2">#REF!</definedName>
    <definedName name="____REC14515">#REF!</definedName>
    <definedName name="____REC14555" localSheetId="2">#REF!</definedName>
    <definedName name="____REC14555">#REF!</definedName>
    <definedName name="____REC14565" localSheetId="2">#REF!</definedName>
    <definedName name="____REC14565">#REF!</definedName>
    <definedName name="____REC15135" localSheetId="2">#REF!</definedName>
    <definedName name="____REC15135">#REF!</definedName>
    <definedName name="____REC15140" localSheetId="2">#REF!</definedName>
    <definedName name="____REC15140">#REF!</definedName>
    <definedName name="____REC15195" localSheetId="2">#REF!</definedName>
    <definedName name="____REC15195">#REF!</definedName>
    <definedName name="____REC15225" localSheetId="2">#REF!</definedName>
    <definedName name="____REC15225">#REF!</definedName>
    <definedName name="____REC15230" localSheetId="2">#REF!</definedName>
    <definedName name="____REC15230">#REF!</definedName>
    <definedName name="____REC15515" localSheetId="2">#REF!</definedName>
    <definedName name="____REC15515">#REF!</definedName>
    <definedName name="____REC15560" localSheetId="2">#REF!</definedName>
    <definedName name="____REC15560">#REF!</definedName>
    <definedName name="____REC15565" localSheetId="2">#REF!</definedName>
    <definedName name="____REC15565">#REF!</definedName>
    <definedName name="____REC15570" localSheetId="2">#REF!</definedName>
    <definedName name="____REC15570">#REF!</definedName>
    <definedName name="____REC15575" localSheetId="2">#REF!</definedName>
    <definedName name="____REC15575">#REF!</definedName>
    <definedName name="____REC15583" localSheetId="2">#REF!</definedName>
    <definedName name="____REC15583">#REF!</definedName>
    <definedName name="____REC15590" localSheetId="2">#REF!</definedName>
    <definedName name="____REC15590">#REF!</definedName>
    <definedName name="____REC15591" localSheetId="2">#REF!</definedName>
    <definedName name="____REC15591">#REF!</definedName>
    <definedName name="____REC15610" localSheetId="2">#REF!</definedName>
    <definedName name="____REC15610">#REF!</definedName>
    <definedName name="____REC15625" localSheetId="2">#REF!</definedName>
    <definedName name="____REC15625">#REF!</definedName>
    <definedName name="____REC15635" localSheetId="2">#REF!</definedName>
    <definedName name="____REC15635">#REF!</definedName>
    <definedName name="____REC15655" localSheetId="2">#REF!</definedName>
    <definedName name="____REC15655">#REF!</definedName>
    <definedName name="____REC15665" localSheetId="2">#REF!</definedName>
    <definedName name="____REC15665">#REF!</definedName>
    <definedName name="____REC16515" localSheetId="2">#REF!</definedName>
    <definedName name="____REC16515">#REF!</definedName>
    <definedName name="____REC16535" localSheetId="2">#REF!</definedName>
    <definedName name="____REC16535">#REF!</definedName>
    <definedName name="____REC17140" localSheetId="2">#REF!</definedName>
    <definedName name="____REC17140">#REF!</definedName>
    <definedName name="____REC19500" localSheetId="2">#REF!</definedName>
    <definedName name="____REC19500">#REF!</definedName>
    <definedName name="____REC19501" localSheetId="2">#REF!</definedName>
    <definedName name="____REC19501">#REF!</definedName>
    <definedName name="____REC19502" localSheetId="2">#REF!</definedName>
    <definedName name="____REC19502">#REF!</definedName>
    <definedName name="____REC19503" localSheetId="2">#REF!</definedName>
    <definedName name="____REC19503">#REF!</definedName>
    <definedName name="____REC19504" localSheetId="2">#REF!</definedName>
    <definedName name="____REC19504">#REF!</definedName>
    <definedName name="____REC19505" localSheetId="2">#REF!</definedName>
    <definedName name="____REC19505">#REF!</definedName>
    <definedName name="____REC20100" localSheetId="2">#REF!</definedName>
    <definedName name="____REC20100">#REF!</definedName>
    <definedName name="____REC20105" localSheetId="2">#REF!</definedName>
    <definedName name="____REC20105">#REF!</definedName>
    <definedName name="____REC20110" localSheetId="2">#REF!</definedName>
    <definedName name="____REC20110">#REF!</definedName>
    <definedName name="____REC20115" localSheetId="2">#REF!</definedName>
    <definedName name="____REC20115">#REF!</definedName>
    <definedName name="____REC20130" localSheetId="2">#REF!</definedName>
    <definedName name="____REC20130">#REF!</definedName>
    <definedName name="____REC20135" localSheetId="2">#REF!</definedName>
    <definedName name="____REC20135">#REF!</definedName>
    <definedName name="____REC20140" localSheetId="2">#REF!</definedName>
    <definedName name="____REC20140">#REF!</definedName>
    <definedName name="____REC20145" localSheetId="2">#REF!</definedName>
    <definedName name="____REC20145">#REF!</definedName>
    <definedName name="____REC20150" localSheetId="2">#REF!</definedName>
    <definedName name="____REC20150">#REF!</definedName>
    <definedName name="____REC20155" localSheetId="2">#REF!</definedName>
    <definedName name="____REC20155">#REF!</definedName>
    <definedName name="____REC20175" localSheetId="2">#REF!</definedName>
    <definedName name="____REC20175">#REF!</definedName>
    <definedName name="____REC20185" localSheetId="2">#REF!</definedName>
    <definedName name="____REC20185">#REF!</definedName>
    <definedName name="____REC20190" localSheetId="2">#REF!</definedName>
    <definedName name="____REC20190">#REF!</definedName>
    <definedName name="____REC20195" localSheetId="2">#REF!</definedName>
    <definedName name="____REC20195">#REF!</definedName>
    <definedName name="____REC20210" localSheetId="2">#REF!</definedName>
    <definedName name="____REC20210">#REF!</definedName>
    <definedName name="____RET1">[1]Regula!$J$36</definedName>
    <definedName name="____svi2" localSheetId="2">#REF!</definedName>
    <definedName name="____svi2">#REF!</definedName>
    <definedName name="____TT102" localSheetId="2">'[2]Relatório-1ª med.'!#REF!</definedName>
    <definedName name="____TT102">'[2]Relatório-1ª med.'!#REF!</definedName>
    <definedName name="____TT107" localSheetId="2">'[2]Relatório-1ª med.'!#REF!</definedName>
    <definedName name="____TT107">'[2]Relatório-1ª med.'!#REF!</definedName>
    <definedName name="____TT121" localSheetId="2">'[2]Relatório-1ª med.'!#REF!</definedName>
    <definedName name="____TT121">'[2]Relatório-1ª med.'!#REF!</definedName>
    <definedName name="____TT123" localSheetId="2">'[2]Relatório-1ª med.'!#REF!</definedName>
    <definedName name="____TT123">'[2]Relatório-1ª med.'!#REF!</definedName>
    <definedName name="____TT19" localSheetId="2">'[2]Relatório-1ª med.'!#REF!</definedName>
    <definedName name="____TT19">'[2]Relatório-1ª med.'!#REF!</definedName>
    <definedName name="____TT20" localSheetId="2">'[2]Relatório-1ª med.'!#REF!</definedName>
    <definedName name="____TT20">'[2]Relatório-1ª med.'!#REF!</definedName>
    <definedName name="____TT21" localSheetId="2">'[2]Relatório-1ª med.'!#REF!</definedName>
    <definedName name="____TT21">'[2]Relatório-1ª med.'!#REF!</definedName>
    <definedName name="____TT22" localSheetId="2">'[2]Relatório-1ª med.'!#REF!</definedName>
    <definedName name="____TT22">'[2]Relatório-1ª med.'!#REF!</definedName>
    <definedName name="____TT26" localSheetId="2">'[2]Relatório-1ª med.'!#REF!</definedName>
    <definedName name="____TT26">'[2]Relatório-1ª med.'!#REF!</definedName>
    <definedName name="____TT27" localSheetId="2">'[2]Relatório-1ª med.'!#REF!</definedName>
    <definedName name="____TT27">'[2]Relatório-1ª med.'!#REF!</definedName>
    <definedName name="____TT28" localSheetId="2">'[2]Relatório-1ª med.'!#REF!</definedName>
    <definedName name="____TT28">'[2]Relatório-1ª med.'!#REF!</definedName>
    <definedName name="____TT30" localSheetId="2">'[2]Relatório-1ª med.'!#REF!</definedName>
    <definedName name="____TT30">'[2]Relatório-1ª med.'!#REF!</definedName>
    <definedName name="____TT31" localSheetId="2">'[2]Relatório-1ª med.'!#REF!</definedName>
    <definedName name="____TT31">'[2]Relatório-1ª med.'!#REF!</definedName>
    <definedName name="____TT32" localSheetId="2">'[2]Relatório-1ª med.'!#REF!</definedName>
    <definedName name="____TT32">'[2]Relatório-1ª med.'!#REF!</definedName>
    <definedName name="____TT33" localSheetId="2">'[2]Relatório-1ª med.'!#REF!</definedName>
    <definedName name="____TT33">'[2]Relatório-1ª med.'!#REF!</definedName>
    <definedName name="____TT34" localSheetId="2">'[2]Relatório-1ª med.'!#REF!</definedName>
    <definedName name="____TT34">'[2]Relatório-1ª med.'!#REF!</definedName>
    <definedName name="____TT36" localSheetId="2">'[2]Relatório-1ª med.'!#REF!</definedName>
    <definedName name="____TT36">'[2]Relatório-1ª med.'!#REF!</definedName>
    <definedName name="____TT37" localSheetId="2">'[2]Relatório-1ª med.'!#REF!</definedName>
    <definedName name="____TT37">'[2]Relatório-1ª med.'!#REF!</definedName>
    <definedName name="____TT38" localSheetId="2">'[2]Relatório-1ª med.'!#REF!</definedName>
    <definedName name="____TT38">'[2]Relatório-1ª med.'!#REF!</definedName>
    <definedName name="____TT39" localSheetId="2">'[2]Relatório-1ª med.'!#REF!</definedName>
    <definedName name="____TT39">'[2]Relatório-1ª med.'!#REF!</definedName>
    <definedName name="____TT40" localSheetId="2">'[2]Relatório-1ª med.'!#REF!</definedName>
    <definedName name="____TT40">'[2]Relatório-1ª med.'!#REF!</definedName>
    <definedName name="____TT5" localSheetId="2">'[2]Relatório-1ª med.'!#REF!</definedName>
    <definedName name="____TT5">'[2]Relatório-1ª med.'!#REF!</definedName>
    <definedName name="____TT52" localSheetId="2">'[2]Relatório-1ª med.'!#REF!</definedName>
    <definedName name="____TT52">'[2]Relatório-1ª med.'!#REF!</definedName>
    <definedName name="____TT53" localSheetId="2">'[2]Relatório-1ª med.'!#REF!</definedName>
    <definedName name="____TT53">'[2]Relatório-1ª med.'!#REF!</definedName>
    <definedName name="____TT54" localSheetId="2">'[2]Relatório-1ª med.'!#REF!</definedName>
    <definedName name="____TT54">'[2]Relatório-1ª med.'!#REF!</definedName>
    <definedName name="____TT55" localSheetId="2">'[2]Relatório-1ª med.'!#REF!</definedName>
    <definedName name="____TT55">'[2]Relatório-1ª med.'!#REF!</definedName>
    <definedName name="____TT6" localSheetId="2">'[2]Relatório-1ª med.'!#REF!</definedName>
    <definedName name="____TT6">'[2]Relatório-1ª med.'!#REF!</definedName>
    <definedName name="____TT60" localSheetId="2">'[2]Relatório-1ª med.'!#REF!</definedName>
    <definedName name="____TT60">'[2]Relatório-1ª med.'!#REF!</definedName>
    <definedName name="____TT61" localSheetId="2">'[2]Relatório-1ª med.'!#REF!</definedName>
    <definedName name="____TT61">'[2]Relatório-1ª med.'!#REF!</definedName>
    <definedName name="____TT69" localSheetId="2">'[2]Relatório-1ª med.'!#REF!</definedName>
    <definedName name="____TT69">'[2]Relatório-1ª med.'!#REF!</definedName>
    <definedName name="____TT7" localSheetId="2">'[2]Relatório-1ª med.'!#REF!</definedName>
    <definedName name="____TT7">'[2]Relatório-1ª med.'!#REF!</definedName>
    <definedName name="____TT70" localSheetId="2">'[2]Relatório-1ª med.'!#REF!</definedName>
    <definedName name="____TT70">'[2]Relatório-1ª med.'!#REF!</definedName>
    <definedName name="____TT71" localSheetId="2">'[2]Relatório-1ª med.'!#REF!</definedName>
    <definedName name="____TT71">'[2]Relatório-1ª med.'!#REF!</definedName>
    <definedName name="____TT74" localSheetId="2">'[2]Relatório-1ª med.'!#REF!</definedName>
    <definedName name="____TT74">'[2]Relatório-1ª med.'!#REF!</definedName>
    <definedName name="____TT75" localSheetId="2">'[2]Relatório-1ª med.'!#REF!</definedName>
    <definedName name="____TT75">'[2]Relatório-1ª med.'!#REF!</definedName>
    <definedName name="____TT76" localSheetId="2">'[2]Relatório-1ª med.'!#REF!</definedName>
    <definedName name="____TT76">'[2]Relatório-1ª med.'!#REF!</definedName>
    <definedName name="____TT77" localSheetId="2">'[2]Relatório-1ª med.'!#REF!</definedName>
    <definedName name="____TT77">'[2]Relatório-1ª med.'!#REF!</definedName>
    <definedName name="____TT78" localSheetId="2">'[2]Relatório-1ª med.'!#REF!</definedName>
    <definedName name="____TT78">'[2]Relatório-1ª med.'!#REF!</definedName>
    <definedName name="____TT79" localSheetId="2">'[2]Relatório-1ª med.'!#REF!</definedName>
    <definedName name="____TT79">'[2]Relatório-1ª med.'!#REF!</definedName>
    <definedName name="____TT94" localSheetId="2">'[2]Relatório-1ª med.'!#REF!</definedName>
    <definedName name="____TT94">'[2]Relatório-1ª med.'!#REF!</definedName>
    <definedName name="____TT95" localSheetId="2">'[2]Relatório-1ª med.'!#REF!</definedName>
    <definedName name="____TT95">'[2]Relatório-1ª med.'!#REF!</definedName>
    <definedName name="____TT97" localSheetId="2">'[2]Relatório-1ª med.'!#REF!</definedName>
    <definedName name="____TT97">'[2]Relatório-1ª med.'!#REF!</definedName>
    <definedName name="____UNI11100" localSheetId="2">#REF!</definedName>
    <definedName name="____UNI11100">#REF!</definedName>
    <definedName name="____UNI11110" localSheetId="2">#REF!</definedName>
    <definedName name="____UNI11110">#REF!</definedName>
    <definedName name="____UNI11115" localSheetId="2">#REF!</definedName>
    <definedName name="____UNI11115">#REF!</definedName>
    <definedName name="____UNI11125" localSheetId="2">#REF!</definedName>
    <definedName name="____UNI11125">#REF!</definedName>
    <definedName name="____UNI11130" localSheetId="2">#REF!</definedName>
    <definedName name="____UNI11130">#REF!</definedName>
    <definedName name="____UNI11135" localSheetId="2">#REF!</definedName>
    <definedName name="____UNI11135">#REF!</definedName>
    <definedName name="____UNI11145" localSheetId="2">#REF!</definedName>
    <definedName name="____UNI11145">#REF!</definedName>
    <definedName name="____UNI11150" localSheetId="2">#REF!</definedName>
    <definedName name="____UNI11150">#REF!</definedName>
    <definedName name="____UNI11165" localSheetId="2">#REF!</definedName>
    <definedName name="____UNI11165">#REF!</definedName>
    <definedName name="____UNI11170" localSheetId="2">#REF!</definedName>
    <definedName name="____UNI11170">#REF!</definedName>
    <definedName name="____UNI11180" localSheetId="2">#REF!</definedName>
    <definedName name="____UNI11180">#REF!</definedName>
    <definedName name="____UNI11185" localSheetId="2">#REF!</definedName>
    <definedName name="____UNI11185">#REF!</definedName>
    <definedName name="____UNI11220" localSheetId="2">#REF!</definedName>
    <definedName name="____UNI11220">#REF!</definedName>
    <definedName name="____UNI12105" localSheetId="2">#REF!</definedName>
    <definedName name="____UNI12105">#REF!</definedName>
    <definedName name="____UNI12555" localSheetId="2">#REF!</definedName>
    <definedName name="____UNI12555">#REF!</definedName>
    <definedName name="____UNI12570" localSheetId="2">#REF!</definedName>
    <definedName name="____UNI12570">#REF!</definedName>
    <definedName name="____UNI12575" localSheetId="2">#REF!</definedName>
    <definedName name="____UNI12575">#REF!</definedName>
    <definedName name="____UNI12580" localSheetId="2">#REF!</definedName>
    <definedName name="____UNI12580">#REF!</definedName>
    <definedName name="____UNI12600" localSheetId="2">#REF!</definedName>
    <definedName name="____UNI12600">#REF!</definedName>
    <definedName name="____UNI12610" localSheetId="2">#REF!</definedName>
    <definedName name="____UNI12610">#REF!</definedName>
    <definedName name="____UNI12630" localSheetId="2">#REF!</definedName>
    <definedName name="____UNI12630">#REF!</definedName>
    <definedName name="____UNI12631" localSheetId="2">#REF!</definedName>
    <definedName name="____UNI12631">#REF!</definedName>
    <definedName name="____UNI12640" localSheetId="2">#REF!</definedName>
    <definedName name="____UNI12640">#REF!</definedName>
    <definedName name="____UNI12645" localSheetId="2">#REF!</definedName>
    <definedName name="____UNI12645">#REF!</definedName>
    <definedName name="____UNI12665" localSheetId="2">#REF!</definedName>
    <definedName name="____UNI12665">#REF!</definedName>
    <definedName name="____UNI12690" localSheetId="2">#REF!</definedName>
    <definedName name="____UNI12690">#REF!</definedName>
    <definedName name="____UNI12700" localSheetId="2">#REF!</definedName>
    <definedName name="____UNI12700">#REF!</definedName>
    <definedName name="____UNI12710" localSheetId="2">#REF!</definedName>
    <definedName name="____UNI12710">#REF!</definedName>
    <definedName name="____UNI13111" localSheetId="2">#REF!</definedName>
    <definedName name="____UNI13111">#REF!</definedName>
    <definedName name="____UNI13112" localSheetId="2">#REF!</definedName>
    <definedName name="____UNI13112">#REF!</definedName>
    <definedName name="____UNI13121" localSheetId="2">#REF!</definedName>
    <definedName name="____UNI13121">#REF!</definedName>
    <definedName name="____UNI13720" localSheetId="2">#REF!</definedName>
    <definedName name="____UNI13720">#REF!</definedName>
    <definedName name="____UNI14100" localSheetId="2">#REF!</definedName>
    <definedName name="____UNI14100">#REF!</definedName>
    <definedName name="____UNI14161" localSheetId="2">#REF!</definedName>
    <definedName name="____UNI14161">#REF!</definedName>
    <definedName name="____UNI14195" localSheetId="2">#REF!</definedName>
    <definedName name="____UNI14195">#REF!</definedName>
    <definedName name="____UNI14205" localSheetId="2">#REF!</definedName>
    <definedName name="____UNI14205">#REF!</definedName>
    <definedName name="____UNI14260" localSheetId="2">#REF!</definedName>
    <definedName name="____UNI14260">#REF!</definedName>
    <definedName name="____UNI14500" localSheetId="2">#REF!</definedName>
    <definedName name="____UNI14500">#REF!</definedName>
    <definedName name="____UNI14515" localSheetId="2">#REF!</definedName>
    <definedName name="____UNI14515">#REF!</definedName>
    <definedName name="____UNI14555" localSheetId="2">#REF!</definedName>
    <definedName name="____UNI14555">#REF!</definedName>
    <definedName name="____UNI14565" localSheetId="2">#REF!</definedName>
    <definedName name="____UNI14565">#REF!</definedName>
    <definedName name="____UNI15135" localSheetId="2">#REF!</definedName>
    <definedName name="____UNI15135">#REF!</definedName>
    <definedName name="____UNI15140" localSheetId="2">#REF!</definedName>
    <definedName name="____UNI15140">#REF!</definedName>
    <definedName name="____UNI15195" localSheetId="2">#REF!</definedName>
    <definedName name="____UNI15195">#REF!</definedName>
    <definedName name="____UNI15225" localSheetId="2">#REF!</definedName>
    <definedName name="____UNI15225">#REF!</definedName>
    <definedName name="____UNI15230" localSheetId="2">#REF!</definedName>
    <definedName name="____UNI15230">#REF!</definedName>
    <definedName name="____UNI15515" localSheetId="2">#REF!</definedName>
    <definedName name="____UNI15515">#REF!</definedName>
    <definedName name="____UNI15560" localSheetId="2">#REF!</definedName>
    <definedName name="____UNI15560">#REF!</definedName>
    <definedName name="____UNI15565" localSheetId="2">#REF!</definedName>
    <definedName name="____UNI15565">#REF!</definedName>
    <definedName name="____UNI15570" localSheetId="2">#REF!</definedName>
    <definedName name="____UNI15570">#REF!</definedName>
    <definedName name="____UNI15575" localSheetId="2">#REF!</definedName>
    <definedName name="____UNI15575">#REF!</definedName>
    <definedName name="____UNI15583" localSheetId="2">#REF!</definedName>
    <definedName name="____UNI15583">#REF!</definedName>
    <definedName name="____UNI15590" localSheetId="2">#REF!</definedName>
    <definedName name="____UNI15590">#REF!</definedName>
    <definedName name="____UNI15591" localSheetId="2">#REF!</definedName>
    <definedName name="____UNI15591">#REF!</definedName>
    <definedName name="____UNI15610" localSheetId="2">#REF!</definedName>
    <definedName name="____UNI15610">#REF!</definedName>
    <definedName name="____UNI15625" localSheetId="2">#REF!</definedName>
    <definedName name="____UNI15625">#REF!</definedName>
    <definedName name="____UNI15635" localSheetId="2">#REF!</definedName>
    <definedName name="____UNI15635">#REF!</definedName>
    <definedName name="____UNI15655" localSheetId="2">#REF!</definedName>
    <definedName name="____UNI15655">#REF!</definedName>
    <definedName name="____UNI15665" localSheetId="2">#REF!</definedName>
    <definedName name="____UNI15665">#REF!</definedName>
    <definedName name="____UNI16515" localSheetId="2">#REF!</definedName>
    <definedName name="____UNI16515">#REF!</definedName>
    <definedName name="____UNI16535" localSheetId="2">#REF!</definedName>
    <definedName name="____UNI16535">#REF!</definedName>
    <definedName name="____UNI17140" localSheetId="2">#REF!</definedName>
    <definedName name="____UNI17140">#REF!</definedName>
    <definedName name="____UNI19500" localSheetId="2">#REF!</definedName>
    <definedName name="____UNI19500">#REF!</definedName>
    <definedName name="____UNI19501" localSheetId="2">#REF!</definedName>
    <definedName name="____UNI19501">#REF!</definedName>
    <definedName name="____UNI19502" localSheetId="2">#REF!</definedName>
    <definedName name="____UNI19502">#REF!</definedName>
    <definedName name="____UNI19503" localSheetId="2">#REF!</definedName>
    <definedName name="____UNI19503">#REF!</definedName>
    <definedName name="____UNI19504" localSheetId="2">#REF!</definedName>
    <definedName name="____UNI19504">#REF!</definedName>
    <definedName name="____UNI19505" localSheetId="2">#REF!</definedName>
    <definedName name="____UNI19505">#REF!</definedName>
    <definedName name="____UNI20100" localSheetId="2">#REF!</definedName>
    <definedName name="____UNI20100">#REF!</definedName>
    <definedName name="____UNI20105" localSheetId="2">#REF!</definedName>
    <definedName name="____UNI20105">#REF!</definedName>
    <definedName name="____UNI20110" localSheetId="2">#REF!</definedName>
    <definedName name="____UNI20110">#REF!</definedName>
    <definedName name="____UNI20115" localSheetId="2">#REF!</definedName>
    <definedName name="____UNI20115">#REF!</definedName>
    <definedName name="____UNI20130" localSheetId="2">#REF!</definedName>
    <definedName name="____UNI20130">#REF!</definedName>
    <definedName name="____UNI20135" localSheetId="2">#REF!</definedName>
    <definedName name="____UNI20135">#REF!</definedName>
    <definedName name="____UNI20140" localSheetId="2">#REF!</definedName>
    <definedName name="____UNI20140">#REF!</definedName>
    <definedName name="____UNI20145" localSheetId="2">#REF!</definedName>
    <definedName name="____UNI20145">#REF!</definedName>
    <definedName name="____UNI20150" localSheetId="2">#REF!</definedName>
    <definedName name="____UNI20150">#REF!</definedName>
    <definedName name="____UNI20155" localSheetId="2">#REF!</definedName>
    <definedName name="____UNI20155">#REF!</definedName>
    <definedName name="____UNI20175" localSheetId="2">#REF!</definedName>
    <definedName name="____UNI20175">#REF!</definedName>
    <definedName name="____UNI20185" localSheetId="2">#REF!</definedName>
    <definedName name="____UNI20185">#REF!</definedName>
    <definedName name="____UNI20190" localSheetId="2">#REF!</definedName>
    <definedName name="____UNI20190">#REF!</definedName>
    <definedName name="____UNI20195" localSheetId="2">#REF!</definedName>
    <definedName name="____UNI20195">#REF!</definedName>
    <definedName name="____UNI20210" localSheetId="2">#REF!</definedName>
    <definedName name="____UNI20210">#REF!</definedName>
    <definedName name="____VAL11100" localSheetId="2">#REF!</definedName>
    <definedName name="____VAL11100">#REF!</definedName>
    <definedName name="____VAL11110" localSheetId="2">#REF!</definedName>
    <definedName name="____VAL11110">#REF!</definedName>
    <definedName name="____VAL11115" localSheetId="2">#REF!</definedName>
    <definedName name="____VAL11115">#REF!</definedName>
    <definedName name="____VAL11125" localSheetId="2">#REF!</definedName>
    <definedName name="____VAL11125">#REF!</definedName>
    <definedName name="____VAL11130" localSheetId="2">#REF!</definedName>
    <definedName name="____VAL11130">#REF!</definedName>
    <definedName name="____VAL11135" localSheetId="2">#REF!</definedName>
    <definedName name="____VAL11135">#REF!</definedName>
    <definedName name="____VAL11145" localSheetId="2">#REF!</definedName>
    <definedName name="____VAL11145">#REF!</definedName>
    <definedName name="____VAL11150" localSheetId="2">#REF!</definedName>
    <definedName name="____VAL11150">#REF!</definedName>
    <definedName name="____VAL11165" localSheetId="2">#REF!</definedName>
    <definedName name="____VAL11165">#REF!</definedName>
    <definedName name="____VAL11170" localSheetId="2">#REF!</definedName>
    <definedName name="____VAL11170">#REF!</definedName>
    <definedName name="____VAL11180" localSheetId="2">#REF!</definedName>
    <definedName name="____VAL11180">#REF!</definedName>
    <definedName name="____VAL11185" localSheetId="2">#REF!</definedName>
    <definedName name="____VAL11185">#REF!</definedName>
    <definedName name="____VAL11220" localSheetId="2">#REF!</definedName>
    <definedName name="____VAL11220">#REF!</definedName>
    <definedName name="____VAL12105" localSheetId="2">#REF!</definedName>
    <definedName name="____VAL12105">#REF!</definedName>
    <definedName name="____VAL12555" localSheetId="2">#REF!</definedName>
    <definedName name="____VAL12555">#REF!</definedName>
    <definedName name="____VAL12570" localSheetId="2">#REF!</definedName>
    <definedName name="____VAL12570">#REF!</definedName>
    <definedName name="____VAL12575" localSheetId="2">#REF!</definedName>
    <definedName name="____VAL12575">#REF!</definedName>
    <definedName name="____VAL12580" localSheetId="2">#REF!</definedName>
    <definedName name="____VAL12580">#REF!</definedName>
    <definedName name="____VAL12600" localSheetId="2">#REF!</definedName>
    <definedName name="____VAL12600">#REF!</definedName>
    <definedName name="____VAL12610" localSheetId="2">#REF!</definedName>
    <definedName name="____VAL12610">#REF!</definedName>
    <definedName name="____VAL12630" localSheetId="2">#REF!</definedName>
    <definedName name="____VAL12630">#REF!</definedName>
    <definedName name="____VAL12631" localSheetId="2">#REF!</definedName>
    <definedName name="____VAL12631">#REF!</definedName>
    <definedName name="____VAL12640" localSheetId="2">#REF!</definedName>
    <definedName name="____VAL12640">#REF!</definedName>
    <definedName name="____VAL12645" localSheetId="2">#REF!</definedName>
    <definedName name="____VAL12645">#REF!</definedName>
    <definedName name="____VAL12665" localSheetId="2">#REF!</definedName>
    <definedName name="____VAL12665">#REF!</definedName>
    <definedName name="____VAL12690" localSheetId="2">#REF!</definedName>
    <definedName name="____VAL12690">#REF!</definedName>
    <definedName name="____VAL12700" localSheetId="2">#REF!</definedName>
    <definedName name="____VAL12700">#REF!</definedName>
    <definedName name="____VAL12710" localSheetId="2">#REF!</definedName>
    <definedName name="____VAL12710">#REF!</definedName>
    <definedName name="____VAL13111" localSheetId="2">#REF!</definedName>
    <definedName name="____VAL13111">#REF!</definedName>
    <definedName name="____VAL13112" localSheetId="2">#REF!</definedName>
    <definedName name="____VAL13112">#REF!</definedName>
    <definedName name="____VAL13121" localSheetId="2">#REF!</definedName>
    <definedName name="____VAL13121">#REF!</definedName>
    <definedName name="____VAL13720" localSheetId="2">#REF!</definedName>
    <definedName name="____VAL13720">#REF!</definedName>
    <definedName name="____VAL14100" localSheetId="2">#REF!</definedName>
    <definedName name="____VAL14100">#REF!</definedName>
    <definedName name="____VAL14161" localSheetId="2">#REF!</definedName>
    <definedName name="____VAL14161">#REF!</definedName>
    <definedName name="____VAL14195" localSheetId="2">#REF!</definedName>
    <definedName name="____VAL14195">#REF!</definedName>
    <definedName name="____VAL14205" localSheetId="2">#REF!</definedName>
    <definedName name="____VAL14205">#REF!</definedName>
    <definedName name="____VAL14260" localSheetId="2">#REF!</definedName>
    <definedName name="____VAL14260">#REF!</definedName>
    <definedName name="____VAL14500" localSheetId="2">#REF!</definedName>
    <definedName name="____VAL14500">#REF!</definedName>
    <definedName name="____VAL14515" localSheetId="2">#REF!</definedName>
    <definedName name="____VAL14515">#REF!</definedName>
    <definedName name="____VAL14555" localSheetId="2">#REF!</definedName>
    <definedName name="____VAL14555">#REF!</definedName>
    <definedName name="____VAL14565" localSheetId="2">#REF!</definedName>
    <definedName name="____VAL14565">#REF!</definedName>
    <definedName name="____VAL15135" localSheetId="2">#REF!</definedName>
    <definedName name="____VAL15135">#REF!</definedName>
    <definedName name="____VAL15140" localSheetId="2">#REF!</definedName>
    <definedName name="____VAL15140">#REF!</definedName>
    <definedName name="____VAL15195" localSheetId="2">#REF!</definedName>
    <definedName name="____VAL15195">#REF!</definedName>
    <definedName name="____VAL15225" localSheetId="2">#REF!</definedName>
    <definedName name="____VAL15225">#REF!</definedName>
    <definedName name="____VAL15230" localSheetId="2">#REF!</definedName>
    <definedName name="____VAL15230">#REF!</definedName>
    <definedName name="____VAL15515" localSheetId="2">#REF!</definedName>
    <definedName name="____VAL15515">#REF!</definedName>
    <definedName name="____VAL15560" localSheetId="2">#REF!</definedName>
    <definedName name="____VAL15560">#REF!</definedName>
    <definedName name="____VAL15565" localSheetId="2">#REF!</definedName>
    <definedName name="____VAL15565">#REF!</definedName>
    <definedName name="____VAL15570" localSheetId="2">#REF!</definedName>
    <definedName name="____VAL15570">#REF!</definedName>
    <definedName name="____VAL15575" localSheetId="2">#REF!</definedName>
    <definedName name="____VAL15575">#REF!</definedName>
    <definedName name="____VAL15583" localSheetId="2">#REF!</definedName>
    <definedName name="____VAL15583">#REF!</definedName>
    <definedName name="____VAL15590" localSheetId="2">#REF!</definedName>
    <definedName name="____VAL15590">#REF!</definedName>
    <definedName name="____VAL15591" localSheetId="2">#REF!</definedName>
    <definedName name="____VAL15591">#REF!</definedName>
    <definedName name="____VAL15610" localSheetId="2">#REF!</definedName>
    <definedName name="____VAL15610">#REF!</definedName>
    <definedName name="____VAL15625" localSheetId="2">#REF!</definedName>
    <definedName name="____VAL15625">#REF!</definedName>
    <definedName name="____VAL15635" localSheetId="2">#REF!</definedName>
    <definedName name="____VAL15635">#REF!</definedName>
    <definedName name="____VAL15655" localSheetId="2">#REF!</definedName>
    <definedName name="____VAL15655">#REF!</definedName>
    <definedName name="____VAL15665" localSheetId="2">#REF!</definedName>
    <definedName name="____VAL15665">#REF!</definedName>
    <definedName name="____VAL16515" localSheetId="2">#REF!</definedName>
    <definedName name="____VAL16515">#REF!</definedName>
    <definedName name="____VAL16535" localSheetId="2">#REF!</definedName>
    <definedName name="____VAL16535">#REF!</definedName>
    <definedName name="____VAL17140" localSheetId="2">#REF!</definedName>
    <definedName name="____VAL17140">#REF!</definedName>
    <definedName name="____VAL19500" localSheetId="2">#REF!</definedName>
    <definedName name="____VAL19500">#REF!</definedName>
    <definedName name="____VAL19501" localSheetId="2">#REF!</definedName>
    <definedName name="____VAL19501">#REF!</definedName>
    <definedName name="____VAL19502" localSheetId="2">#REF!</definedName>
    <definedName name="____VAL19502">#REF!</definedName>
    <definedName name="____VAL19503" localSheetId="2">#REF!</definedName>
    <definedName name="____VAL19503">#REF!</definedName>
    <definedName name="____VAL19504" localSheetId="2">#REF!</definedName>
    <definedName name="____VAL19504">#REF!</definedName>
    <definedName name="____VAL19505" localSheetId="2">#REF!</definedName>
    <definedName name="____VAL19505">#REF!</definedName>
    <definedName name="____VAL20100" localSheetId="2">#REF!</definedName>
    <definedName name="____VAL20100">#REF!</definedName>
    <definedName name="____VAL20105" localSheetId="2">#REF!</definedName>
    <definedName name="____VAL20105">#REF!</definedName>
    <definedName name="____VAL20110" localSheetId="2">#REF!</definedName>
    <definedName name="____VAL20110">#REF!</definedName>
    <definedName name="____VAL20115" localSheetId="2">#REF!</definedName>
    <definedName name="____VAL20115">#REF!</definedName>
    <definedName name="____VAL20130" localSheetId="2">#REF!</definedName>
    <definedName name="____VAL20130">#REF!</definedName>
    <definedName name="____VAL20135" localSheetId="2">#REF!</definedName>
    <definedName name="____VAL20135">#REF!</definedName>
    <definedName name="____VAL20140" localSheetId="2">#REF!</definedName>
    <definedName name="____VAL20140">#REF!</definedName>
    <definedName name="____VAL20145" localSheetId="2">#REF!</definedName>
    <definedName name="____VAL20145">#REF!</definedName>
    <definedName name="____VAL20150" localSheetId="2">#REF!</definedName>
    <definedName name="____VAL20150">#REF!</definedName>
    <definedName name="____VAL20155" localSheetId="2">#REF!</definedName>
    <definedName name="____VAL20155">#REF!</definedName>
    <definedName name="____VAL20175" localSheetId="2">#REF!</definedName>
    <definedName name="____VAL20175">#REF!</definedName>
    <definedName name="____VAL20185" localSheetId="2">#REF!</definedName>
    <definedName name="____VAL20185">#REF!</definedName>
    <definedName name="____VAL20190" localSheetId="2">#REF!</definedName>
    <definedName name="____VAL20190">#REF!</definedName>
    <definedName name="____VAL20195" localSheetId="2">#REF!</definedName>
    <definedName name="____VAL20195">#REF!</definedName>
    <definedName name="____VAL20210" localSheetId="2">#REF!</definedName>
    <definedName name="____VAL20210">#REF!</definedName>
    <definedName name="___A1" localSheetId="2">#REF!</definedName>
    <definedName name="___A1">#REF!</definedName>
    <definedName name="___cab1" localSheetId="2">#REF!</definedName>
    <definedName name="___cab1">#REF!</definedName>
    <definedName name="___COM010201" localSheetId="2">#REF!</definedName>
    <definedName name="___COM010201">#REF!</definedName>
    <definedName name="___COM010202" localSheetId="2">#REF!</definedName>
    <definedName name="___COM010202">#REF!</definedName>
    <definedName name="___COM010205" localSheetId="2">#REF!</definedName>
    <definedName name="___COM010205">#REF!</definedName>
    <definedName name="___COM010206" localSheetId="2">#REF!</definedName>
    <definedName name="___COM010206">#REF!</definedName>
    <definedName name="___COM010210" localSheetId="2">#REF!</definedName>
    <definedName name="___COM010210">#REF!</definedName>
    <definedName name="___COM010301" localSheetId="2">#REF!</definedName>
    <definedName name="___COM010301">#REF!</definedName>
    <definedName name="___COM010401" localSheetId="2">#REF!</definedName>
    <definedName name="___COM010401">#REF!</definedName>
    <definedName name="___COM010402" localSheetId="2">#REF!</definedName>
    <definedName name="___COM010402">#REF!</definedName>
    <definedName name="___COM010407" localSheetId="2">#REF!</definedName>
    <definedName name="___COM010407">#REF!</definedName>
    <definedName name="___COM010413" localSheetId="2">#REF!</definedName>
    <definedName name="___COM010413">#REF!</definedName>
    <definedName name="___COM010501" localSheetId="2">#REF!</definedName>
    <definedName name="___COM010501">#REF!</definedName>
    <definedName name="___COM010503" localSheetId="2">#REF!</definedName>
    <definedName name="___COM010503">#REF!</definedName>
    <definedName name="___COM010505" localSheetId="2">#REF!</definedName>
    <definedName name="___COM010505">#REF!</definedName>
    <definedName name="___COM010509" localSheetId="2">#REF!</definedName>
    <definedName name="___COM010509">#REF!</definedName>
    <definedName name="___COM010512" localSheetId="2">#REF!</definedName>
    <definedName name="___COM010512">#REF!</definedName>
    <definedName name="___COM010518" localSheetId="2">#REF!</definedName>
    <definedName name="___COM010518">#REF!</definedName>
    <definedName name="___COM010519" localSheetId="2">#REF!</definedName>
    <definedName name="___COM010519">#REF!</definedName>
    <definedName name="___COM010521" localSheetId="2">#REF!</definedName>
    <definedName name="___COM010521">#REF!</definedName>
    <definedName name="___COM010523" localSheetId="2">#REF!</definedName>
    <definedName name="___COM010523">#REF!</definedName>
    <definedName name="___COM010532" localSheetId="2">#REF!</definedName>
    <definedName name="___COM010532">#REF!</definedName>
    <definedName name="___COM010533" localSheetId="2">#REF!</definedName>
    <definedName name="___COM010533">#REF!</definedName>
    <definedName name="___COM010536" localSheetId="2">#REF!</definedName>
    <definedName name="___COM010536">#REF!</definedName>
    <definedName name="___COM010701" localSheetId="2">#REF!</definedName>
    <definedName name="___COM010701">#REF!</definedName>
    <definedName name="___COM010703" localSheetId="2">#REF!</definedName>
    <definedName name="___COM010703">#REF!</definedName>
    <definedName name="___COM010705" localSheetId="2">#REF!</definedName>
    <definedName name="___COM010705">#REF!</definedName>
    <definedName name="___COM010708" localSheetId="2">#REF!</definedName>
    <definedName name="___COM010708">#REF!</definedName>
    <definedName name="___COM010710" localSheetId="2">#REF!</definedName>
    <definedName name="___COM010710">#REF!</definedName>
    <definedName name="___COM010712" localSheetId="2">#REF!</definedName>
    <definedName name="___COM010712">#REF!</definedName>
    <definedName name="___COM010717" localSheetId="2">#REF!</definedName>
    <definedName name="___COM010717">#REF!</definedName>
    <definedName name="___COM010718" localSheetId="2">#REF!</definedName>
    <definedName name="___COM010718">#REF!</definedName>
    <definedName name="___COM020201" localSheetId="2">#REF!</definedName>
    <definedName name="___COM020201">#REF!</definedName>
    <definedName name="___COM020205" localSheetId="2">#REF!</definedName>
    <definedName name="___COM020205">#REF!</definedName>
    <definedName name="___COM020211" localSheetId="2">#REF!</definedName>
    <definedName name="___COM020211">#REF!</definedName>
    <definedName name="___COM020217" localSheetId="2">#REF!</definedName>
    <definedName name="___COM020217">#REF!</definedName>
    <definedName name="___COM030102" localSheetId="2">#REF!</definedName>
    <definedName name="___COM030102">#REF!</definedName>
    <definedName name="___COM030201" localSheetId="2">#REF!</definedName>
    <definedName name="___COM030201">#REF!</definedName>
    <definedName name="___COM030303" localSheetId="2">#REF!</definedName>
    <definedName name="___COM030303">#REF!</definedName>
    <definedName name="___COM030317" localSheetId="2">#REF!</definedName>
    <definedName name="___COM030317">#REF!</definedName>
    <definedName name="___COM040101" localSheetId="2">#REF!</definedName>
    <definedName name="___COM040101">#REF!</definedName>
    <definedName name="___COM040202" localSheetId="2">#REF!</definedName>
    <definedName name="___COM040202">#REF!</definedName>
    <definedName name="___COM050103" localSheetId="2">#REF!</definedName>
    <definedName name="___COM050103">#REF!</definedName>
    <definedName name="___COM050207" localSheetId="2">#REF!</definedName>
    <definedName name="___COM050207">#REF!</definedName>
    <definedName name="___COM060101" localSheetId="2">#REF!</definedName>
    <definedName name="___COM060101">#REF!</definedName>
    <definedName name="___COM080101" localSheetId="2">#REF!</definedName>
    <definedName name="___COM080101">#REF!</definedName>
    <definedName name="___COM080310" localSheetId="2">#REF!</definedName>
    <definedName name="___COM080310">#REF!</definedName>
    <definedName name="___COM090101" localSheetId="2">#REF!</definedName>
    <definedName name="___COM090101">#REF!</definedName>
    <definedName name="___COM100302" localSheetId="2">#REF!</definedName>
    <definedName name="___COM100302">#REF!</definedName>
    <definedName name="___COM110101" localSheetId="2">#REF!</definedName>
    <definedName name="___COM110101">#REF!</definedName>
    <definedName name="___COM110104" localSheetId="2">#REF!</definedName>
    <definedName name="___COM110104">#REF!</definedName>
    <definedName name="___COM110107" localSheetId="2">#REF!</definedName>
    <definedName name="___COM110107">#REF!</definedName>
    <definedName name="___COM120101" localSheetId="2">#REF!</definedName>
    <definedName name="___COM120101">#REF!</definedName>
    <definedName name="___COM120105" localSheetId="2">#REF!</definedName>
    <definedName name="___COM120105">#REF!</definedName>
    <definedName name="___COM120106" localSheetId="2">#REF!</definedName>
    <definedName name="___COM120106">#REF!</definedName>
    <definedName name="___COM120107" localSheetId="2">#REF!</definedName>
    <definedName name="___COM120107">#REF!</definedName>
    <definedName name="___COM120110" localSheetId="2">#REF!</definedName>
    <definedName name="___COM120110">#REF!</definedName>
    <definedName name="___COM120150" localSheetId="2">#REF!</definedName>
    <definedName name="___COM120150">#REF!</definedName>
    <definedName name="___COM130101" localSheetId="2">#REF!</definedName>
    <definedName name="___COM130101">#REF!</definedName>
    <definedName name="___COM130103" localSheetId="2">#REF!</definedName>
    <definedName name="___COM130103">#REF!</definedName>
    <definedName name="___COM130304" localSheetId="2">#REF!</definedName>
    <definedName name="___COM130304">#REF!</definedName>
    <definedName name="___COM130401" localSheetId="2">#REF!</definedName>
    <definedName name="___COM130401">#REF!</definedName>
    <definedName name="___COM140102" localSheetId="2">#REF!</definedName>
    <definedName name="___COM140102">#REF!</definedName>
    <definedName name="___COM140109" localSheetId="2">#REF!</definedName>
    <definedName name="___COM140109">#REF!</definedName>
    <definedName name="___COM140113" localSheetId="2">#REF!</definedName>
    <definedName name="___COM140113">#REF!</definedName>
    <definedName name="___COM140122" localSheetId="2">#REF!</definedName>
    <definedName name="___COM140122">#REF!</definedName>
    <definedName name="___COM140126" localSheetId="2">#REF!</definedName>
    <definedName name="___COM140126">#REF!</definedName>
    <definedName name="___COM140129" localSheetId="2">#REF!</definedName>
    <definedName name="___COM140129">#REF!</definedName>
    <definedName name="___COM140135" localSheetId="2">#REF!</definedName>
    <definedName name="___COM140135">#REF!</definedName>
    <definedName name="___COM140143" localSheetId="2">#REF!</definedName>
    <definedName name="___COM140143">#REF!</definedName>
    <definedName name="___COM140145" localSheetId="2">#REF!</definedName>
    <definedName name="___COM140145">#REF!</definedName>
    <definedName name="___COM150130" localSheetId="2">#REF!</definedName>
    <definedName name="___COM150130">#REF!</definedName>
    <definedName name="___COM170101" localSheetId="2">#REF!</definedName>
    <definedName name="___COM170101">#REF!</definedName>
    <definedName name="___COM170102" localSheetId="2">#REF!</definedName>
    <definedName name="___COM170102">#REF!</definedName>
    <definedName name="___COM170103" localSheetId="2">#REF!</definedName>
    <definedName name="___COM170103">#REF!</definedName>
    <definedName name="___GLB2" localSheetId="2">#REF!</definedName>
    <definedName name="___GLB2">#REF!</definedName>
    <definedName name="___i3" localSheetId="2">#REF!</definedName>
    <definedName name="___i3">#REF!</definedName>
    <definedName name="___MAO010201" localSheetId="2">#REF!</definedName>
    <definedName name="___MAO010201">#REF!</definedName>
    <definedName name="___MAO010202" localSheetId="2">#REF!</definedName>
    <definedName name="___MAO010202">#REF!</definedName>
    <definedName name="___MAO010205" localSheetId="2">#REF!</definedName>
    <definedName name="___MAO010205">#REF!</definedName>
    <definedName name="___MAO010206" localSheetId="2">#REF!</definedName>
    <definedName name="___MAO010206">#REF!</definedName>
    <definedName name="___MAO010210" localSheetId="2">#REF!</definedName>
    <definedName name="___MAO010210">#REF!</definedName>
    <definedName name="___MAO010401" localSheetId="2">#REF!</definedName>
    <definedName name="___MAO010401">#REF!</definedName>
    <definedName name="___MAO010402" localSheetId="2">#REF!</definedName>
    <definedName name="___MAO010402">#REF!</definedName>
    <definedName name="___MAO010407" localSheetId="2">#REF!</definedName>
    <definedName name="___MAO010407">#REF!</definedName>
    <definedName name="___MAO010413" localSheetId="2">#REF!</definedName>
    <definedName name="___MAO010413">#REF!</definedName>
    <definedName name="___MAO010501" localSheetId="2">#REF!</definedName>
    <definedName name="___MAO010501">#REF!</definedName>
    <definedName name="___MAO010503" localSheetId="2">#REF!</definedName>
    <definedName name="___MAO010503">#REF!</definedName>
    <definedName name="___MAO010505" localSheetId="2">#REF!</definedName>
    <definedName name="___MAO010505">#REF!</definedName>
    <definedName name="___MAO010509" localSheetId="2">#REF!</definedName>
    <definedName name="___MAO010509">#REF!</definedName>
    <definedName name="___MAO010512" localSheetId="2">#REF!</definedName>
    <definedName name="___MAO010512">#REF!</definedName>
    <definedName name="___MAO010518" localSheetId="2">#REF!</definedName>
    <definedName name="___MAO010518">#REF!</definedName>
    <definedName name="___MAO010519" localSheetId="2">#REF!</definedName>
    <definedName name="___MAO010519">#REF!</definedName>
    <definedName name="___MAO010521" localSheetId="2">#REF!</definedName>
    <definedName name="___MAO010521">#REF!</definedName>
    <definedName name="___MAO010523" localSheetId="2">#REF!</definedName>
    <definedName name="___MAO010523">#REF!</definedName>
    <definedName name="___MAO010532" localSheetId="2">#REF!</definedName>
    <definedName name="___MAO010532">#REF!</definedName>
    <definedName name="___MAO010533" localSheetId="2">#REF!</definedName>
    <definedName name="___MAO010533">#REF!</definedName>
    <definedName name="___MAO010536" localSheetId="2">#REF!</definedName>
    <definedName name="___MAO010536">#REF!</definedName>
    <definedName name="___MAO010701" localSheetId="2">#REF!</definedName>
    <definedName name="___MAO010701">#REF!</definedName>
    <definedName name="___MAO010703" localSheetId="2">#REF!</definedName>
    <definedName name="___MAO010703">#REF!</definedName>
    <definedName name="___MAO010705" localSheetId="2">#REF!</definedName>
    <definedName name="___MAO010705">#REF!</definedName>
    <definedName name="___MAO010708" localSheetId="2">#REF!</definedName>
    <definedName name="___MAO010708">#REF!</definedName>
    <definedName name="___MAO010710" localSheetId="2">#REF!</definedName>
    <definedName name="___MAO010710">#REF!</definedName>
    <definedName name="___MAO010712" localSheetId="2">#REF!</definedName>
    <definedName name="___MAO010712">#REF!</definedName>
    <definedName name="___MAO010717" localSheetId="2">#REF!</definedName>
    <definedName name="___MAO010717">#REF!</definedName>
    <definedName name="___MAO020201" localSheetId="2">#REF!</definedName>
    <definedName name="___MAO020201">#REF!</definedName>
    <definedName name="___MAO020205" localSheetId="2">#REF!</definedName>
    <definedName name="___MAO020205">#REF!</definedName>
    <definedName name="___MAO020211" localSheetId="2">#REF!</definedName>
    <definedName name="___MAO020211">#REF!</definedName>
    <definedName name="___MAO020217" localSheetId="2">#REF!</definedName>
    <definedName name="___MAO020217">#REF!</definedName>
    <definedName name="___MAO030102" localSheetId="2">#REF!</definedName>
    <definedName name="___MAO030102">#REF!</definedName>
    <definedName name="___MAO030201" localSheetId="2">#REF!</definedName>
    <definedName name="___MAO030201">#REF!</definedName>
    <definedName name="___MAO030303" localSheetId="2">#REF!</definedName>
    <definedName name="___MAO030303">#REF!</definedName>
    <definedName name="___MAO030317" localSheetId="2">#REF!</definedName>
    <definedName name="___MAO030317">#REF!</definedName>
    <definedName name="___MAO040101" localSheetId="2">#REF!</definedName>
    <definedName name="___MAO040101">#REF!</definedName>
    <definedName name="___MAO040202" localSheetId="2">#REF!</definedName>
    <definedName name="___MAO040202">#REF!</definedName>
    <definedName name="___MAO050103" localSheetId="2">#REF!</definedName>
    <definedName name="___MAO050103">#REF!</definedName>
    <definedName name="___MAO050207" localSheetId="2">#REF!</definedName>
    <definedName name="___MAO050207">#REF!</definedName>
    <definedName name="___MAO060101" localSheetId="2">#REF!</definedName>
    <definedName name="___MAO060101">#REF!</definedName>
    <definedName name="___MAO080310" localSheetId="2">#REF!</definedName>
    <definedName name="___MAO080310">#REF!</definedName>
    <definedName name="___MAO090101" localSheetId="2">#REF!</definedName>
    <definedName name="___MAO090101">#REF!</definedName>
    <definedName name="___MAO110101" localSheetId="2">#REF!</definedName>
    <definedName name="___MAO110101">#REF!</definedName>
    <definedName name="___MAO110104" localSheetId="2">#REF!</definedName>
    <definedName name="___MAO110104">#REF!</definedName>
    <definedName name="___MAO110107" localSheetId="2">#REF!</definedName>
    <definedName name="___MAO110107">#REF!</definedName>
    <definedName name="___MAO120101" localSheetId="2">#REF!</definedName>
    <definedName name="___MAO120101">#REF!</definedName>
    <definedName name="___MAO120105" localSheetId="2">#REF!</definedName>
    <definedName name="___MAO120105">#REF!</definedName>
    <definedName name="___MAO120106" localSheetId="2">#REF!</definedName>
    <definedName name="___MAO120106">#REF!</definedName>
    <definedName name="___MAO120107" localSheetId="2">#REF!</definedName>
    <definedName name="___MAO120107">#REF!</definedName>
    <definedName name="___MAO120110" localSheetId="2">#REF!</definedName>
    <definedName name="___MAO120110">#REF!</definedName>
    <definedName name="___MAO120150" localSheetId="2">#REF!</definedName>
    <definedName name="___MAO120150">#REF!</definedName>
    <definedName name="___MAO130101" localSheetId="2">#REF!</definedName>
    <definedName name="___MAO130101">#REF!</definedName>
    <definedName name="___MAO130103" localSheetId="2">#REF!</definedName>
    <definedName name="___MAO130103">#REF!</definedName>
    <definedName name="___MAO130304" localSheetId="2">#REF!</definedName>
    <definedName name="___MAO130304">#REF!</definedName>
    <definedName name="___MAO130401" localSheetId="2">#REF!</definedName>
    <definedName name="___MAO130401">#REF!</definedName>
    <definedName name="___MAO140102" localSheetId="2">#REF!</definedName>
    <definedName name="___MAO140102">#REF!</definedName>
    <definedName name="___MAO140109" localSheetId="2">#REF!</definedName>
    <definedName name="___MAO140109">#REF!</definedName>
    <definedName name="___MAO140113" localSheetId="2">#REF!</definedName>
    <definedName name="___MAO140113">#REF!</definedName>
    <definedName name="___MAO140122" localSheetId="2">#REF!</definedName>
    <definedName name="___MAO140122">#REF!</definedName>
    <definedName name="___MAO140126" localSheetId="2">#REF!</definedName>
    <definedName name="___MAO140126">#REF!</definedName>
    <definedName name="___MAO140129" localSheetId="2">#REF!</definedName>
    <definedName name="___MAO140129">#REF!</definedName>
    <definedName name="___MAO140135" localSheetId="2">#REF!</definedName>
    <definedName name="___MAO140135">#REF!</definedName>
    <definedName name="___MAO140143" localSheetId="2">#REF!</definedName>
    <definedName name="___MAO140143">#REF!</definedName>
    <definedName name="___MAO140145" localSheetId="2">#REF!</definedName>
    <definedName name="___MAO140145">#REF!</definedName>
    <definedName name="___MAT010301" localSheetId="2">#REF!</definedName>
    <definedName name="___MAT010301">#REF!</definedName>
    <definedName name="___MAT010401" localSheetId="2">#REF!</definedName>
    <definedName name="___MAT010401">#REF!</definedName>
    <definedName name="___MAT010402" localSheetId="2">#REF!</definedName>
    <definedName name="___MAT010402">#REF!</definedName>
    <definedName name="___MAT010407" localSheetId="2">#REF!</definedName>
    <definedName name="___MAT010407">#REF!</definedName>
    <definedName name="___MAT010413" localSheetId="2">#REF!</definedName>
    <definedName name="___MAT010413">#REF!</definedName>
    <definedName name="___MAT010536" localSheetId="2">#REF!</definedName>
    <definedName name="___MAT010536">#REF!</definedName>
    <definedName name="___MAT010703" localSheetId="2">#REF!</definedName>
    <definedName name="___MAT010703">#REF!</definedName>
    <definedName name="___MAT010708" localSheetId="2">#REF!</definedName>
    <definedName name="___MAT010708">#REF!</definedName>
    <definedName name="___MAT010710" localSheetId="2">#REF!</definedName>
    <definedName name="___MAT010710">#REF!</definedName>
    <definedName name="___MAT010718" localSheetId="2">#REF!</definedName>
    <definedName name="___MAT010718">#REF!</definedName>
    <definedName name="___MAT020201" localSheetId="2">#REF!</definedName>
    <definedName name="___MAT020201">#REF!</definedName>
    <definedName name="___MAT020205" localSheetId="2">#REF!</definedName>
    <definedName name="___MAT020205">#REF!</definedName>
    <definedName name="___MAT020211" localSheetId="2">#REF!</definedName>
    <definedName name="___MAT020211">#REF!</definedName>
    <definedName name="___MAT030102" localSheetId="2">#REF!</definedName>
    <definedName name="___MAT030102">#REF!</definedName>
    <definedName name="___MAT030201" localSheetId="2">#REF!</definedName>
    <definedName name="___MAT030201">#REF!</definedName>
    <definedName name="___MAT030303" localSheetId="2">#REF!</definedName>
    <definedName name="___MAT030303">#REF!</definedName>
    <definedName name="___MAT030317" localSheetId="2">#REF!</definedName>
    <definedName name="___MAT030317">#REF!</definedName>
    <definedName name="___MAT040101" localSheetId="2">#REF!</definedName>
    <definedName name="___MAT040101">#REF!</definedName>
    <definedName name="___MAT040202" localSheetId="2">#REF!</definedName>
    <definedName name="___MAT040202">#REF!</definedName>
    <definedName name="___MAT050103" localSheetId="2">#REF!</definedName>
    <definedName name="___MAT050103">#REF!</definedName>
    <definedName name="___MAT050207" localSheetId="2">#REF!</definedName>
    <definedName name="___MAT050207">#REF!</definedName>
    <definedName name="___MAT060101" localSheetId="2">#REF!</definedName>
    <definedName name="___MAT060101">#REF!</definedName>
    <definedName name="___MAT080101" localSheetId="2">#REF!</definedName>
    <definedName name="___MAT080101">#REF!</definedName>
    <definedName name="___MAT080310" localSheetId="2">#REF!</definedName>
    <definedName name="___MAT080310">#REF!</definedName>
    <definedName name="___MAT090101" localSheetId="2">#REF!</definedName>
    <definedName name="___MAT090101">#REF!</definedName>
    <definedName name="___MAT100302" localSheetId="2">#REF!</definedName>
    <definedName name="___MAT100302">#REF!</definedName>
    <definedName name="___MAT110101" localSheetId="2">#REF!</definedName>
    <definedName name="___MAT110101">#REF!</definedName>
    <definedName name="___MAT110104" localSheetId="2">#REF!</definedName>
    <definedName name="___MAT110104">#REF!</definedName>
    <definedName name="___MAT110107" localSheetId="2">#REF!</definedName>
    <definedName name="___MAT110107">#REF!</definedName>
    <definedName name="___MAT120101" localSheetId="2">#REF!</definedName>
    <definedName name="___MAT120101">#REF!</definedName>
    <definedName name="___MAT120105" localSheetId="2">#REF!</definedName>
    <definedName name="___MAT120105">#REF!</definedName>
    <definedName name="___MAT120106" localSheetId="2">#REF!</definedName>
    <definedName name="___MAT120106">#REF!</definedName>
    <definedName name="___MAT120107" localSheetId="2">#REF!</definedName>
    <definedName name="___MAT120107">#REF!</definedName>
    <definedName name="___MAT120110" localSheetId="2">#REF!</definedName>
    <definedName name="___MAT120110">#REF!</definedName>
    <definedName name="___MAT120150" localSheetId="2">#REF!</definedName>
    <definedName name="___MAT120150">#REF!</definedName>
    <definedName name="___MAT130101" localSheetId="2">#REF!</definedName>
    <definedName name="___MAT130101">#REF!</definedName>
    <definedName name="___MAT130103" localSheetId="2">#REF!</definedName>
    <definedName name="___MAT130103">#REF!</definedName>
    <definedName name="___MAT130304" localSheetId="2">#REF!</definedName>
    <definedName name="___MAT130304">#REF!</definedName>
    <definedName name="___MAT130401" localSheetId="2">#REF!</definedName>
    <definedName name="___MAT130401">#REF!</definedName>
    <definedName name="___MAT140102" localSheetId="2">#REF!</definedName>
    <definedName name="___MAT140102">#REF!</definedName>
    <definedName name="___MAT140109" localSheetId="2">#REF!</definedName>
    <definedName name="___MAT140109">#REF!</definedName>
    <definedName name="___MAT140113" localSheetId="2">#REF!</definedName>
    <definedName name="___MAT140113">#REF!</definedName>
    <definedName name="___MAT140122" localSheetId="2">#REF!</definedName>
    <definedName name="___MAT140122">#REF!</definedName>
    <definedName name="___MAT140126" localSheetId="2">#REF!</definedName>
    <definedName name="___MAT140126">#REF!</definedName>
    <definedName name="___MAT140129" localSheetId="2">#REF!</definedName>
    <definedName name="___MAT140129">#REF!</definedName>
    <definedName name="___MAT140135" localSheetId="2">#REF!</definedName>
    <definedName name="___MAT140135">#REF!</definedName>
    <definedName name="___MAT140143" localSheetId="2">#REF!</definedName>
    <definedName name="___MAT140143">#REF!</definedName>
    <definedName name="___MAT140145" localSheetId="2">#REF!</definedName>
    <definedName name="___MAT140145">#REF!</definedName>
    <definedName name="___MAT150130" localSheetId="2">#REF!</definedName>
    <definedName name="___MAT150130">#REF!</definedName>
    <definedName name="___MAT170101" localSheetId="2">#REF!</definedName>
    <definedName name="___MAT170101">#REF!</definedName>
    <definedName name="___MAT170102" localSheetId="2">#REF!</definedName>
    <definedName name="___MAT170102">#REF!</definedName>
    <definedName name="___MAT170103" localSheetId="2">#REF!</definedName>
    <definedName name="___MAT170103">#REF!</definedName>
    <definedName name="___PRE010201" localSheetId="2">#REF!</definedName>
    <definedName name="___PRE010201">#REF!</definedName>
    <definedName name="___PRE010202" localSheetId="2">#REF!</definedName>
    <definedName name="___PRE010202">#REF!</definedName>
    <definedName name="___PRE010205" localSheetId="2">#REF!</definedName>
    <definedName name="___PRE010205">#REF!</definedName>
    <definedName name="___PRE010206" localSheetId="2">#REF!</definedName>
    <definedName name="___PRE010206">#REF!</definedName>
    <definedName name="___PRE010210" localSheetId="2">#REF!</definedName>
    <definedName name="___PRE010210">#REF!</definedName>
    <definedName name="___PRE010301" localSheetId="2">#REF!</definedName>
    <definedName name="___PRE010301">#REF!</definedName>
    <definedName name="___PRE010401" localSheetId="2">#REF!</definedName>
    <definedName name="___PRE010401">#REF!</definedName>
    <definedName name="___PRE010402" localSheetId="2">#REF!</definedName>
    <definedName name="___PRE010402">#REF!</definedName>
    <definedName name="___PRE010407" localSheetId="2">#REF!</definedName>
    <definedName name="___PRE010407">#REF!</definedName>
    <definedName name="___PRE010413" localSheetId="2">#REF!</definedName>
    <definedName name="___PRE010413">#REF!</definedName>
    <definedName name="___PRE010501" localSheetId="2">#REF!</definedName>
    <definedName name="___PRE010501">#REF!</definedName>
    <definedName name="___PRE010503" localSheetId="2">#REF!</definedName>
    <definedName name="___PRE010503">#REF!</definedName>
    <definedName name="___PRE010505" localSheetId="2">#REF!</definedName>
    <definedName name="___PRE010505">#REF!</definedName>
    <definedName name="___PRE010509" localSheetId="2">#REF!</definedName>
    <definedName name="___PRE010509">#REF!</definedName>
    <definedName name="___PRE010512" localSheetId="2">#REF!</definedName>
    <definedName name="___PRE010512">#REF!</definedName>
    <definedName name="___PRE010518" localSheetId="2">#REF!</definedName>
    <definedName name="___PRE010518">#REF!</definedName>
    <definedName name="___PRE010519" localSheetId="2">#REF!</definedName>
    <definedName name="___PRE010519">#REF!</definedName>
    <definedName name="___PRE010521" localSheetId="2">#REF!</definedName>
    <definedName name="___PRE010521">#REF!</definedName>
    <definedName name="___PRE010523" localSheetId="2">#REF!</definedName>
    <definedName name="___PRE010523">#REF!</definedName>
    <definedName name="___PRE010532" localSheetId="2">#REF!</definedName>
    <definedName name="___PRE010532">#REF!</definedName>
    <definedName name="___PRE010533" localSheetId="2">#REF!</definedName>
    <definedName name="___PRE010533">#REF!</definedName>
    <definedName name="___PRE010536" localSheetId="2">#REF!</definedName>
    <definedName name="___PRE010536">#REF!</definedName>
    <definedName name="___PRE010701" localSheetId="2">#REF!</definedName>
    <definedName name="___PRE010701">#REF!</definedName>
    <definedName name="___PRE010703" localSheetId="2">#REF!</definedName>
    <definedName name="___PRE010703">#REF!</definedName>
    <definedName name="___PRE010705" localSheetId="2">#REF!</definedName>
    <definedName name="___PRE010705">#REF!</definedName>
    <definedName name="___PRE010708" localSheetId="2">#REF!</definedName>
    <definedName name="___PRE010708">#REF!</definedName>
    <definedName name="___PRE010710" localSheetId="2">#REF!</definedName>
    <definedName name="___PRE010710">#REF!</definedName>
    <definedName name="___PRE010712" localSheetId="2">#REF!</definedName>
    <definedName name="___PRE010712">#REF!</definedName>
    <definedName name="___PRE010717" localSheetId="2">#REF!</definedName>
    <definedName name="___PRE010717">#REF!</definedName>
    <definedName name="___PRE010718" localSheetId="2">#REF!</definedName>
    <definedName name="___PRE010718">#REF!</definedName>
    <definedName name="___PRE020201" localSheetId="2">#REF!</definedName>
    <definedName name="___PRE020201">#REF!</definedName>
    <definedName name="___PRE020205" localSheetId="2">#REF!</definedName>
    <definedName name="___PRE020205">#REF!</definedName>
    <definedName name="___PRE020211" localSheetId="2">#REF!</definedName>
    <definedName name="___PRE020211">#REF!</definedName>
    <definedName name="___PRE020217" localSheetId="2">#REF!</definedName>
    <definedName name="___PRE020217">#REF!</definedName>
    <definedName name="___PRE030102" localSheetId="2">#REF!</definedName>
    <definedName name="___PRE030102">#REF!</definedName>
    <definedName name="___PRE030201" localSheetId="2">#REF!</definedName>
    <definedName name="___PRE030201">#REF!</definedName>
    <definedName name="___PRE030303" localSheetId="2">#REF!</definedName>
    <definedName name="___PRE030303">#REF!</definedName>
    <definedName name="___PRE030317" localSheetId="2">#REF!</definedName>
    <definedName name="___PRE030317">#REF!</definedName>
    <definedName name="___PRE040101" localSheetId="2">#REF!</definedName>
    <definedName name="___PRE040101">#REF!</definedName>
    <definedName name="___PRE040202" localSheetId="2">#REF!</definedName>
    <definedName name="___PRE040202">#REF!</definedName>
    <definedName name="___PRE050103" localSheetId="2">#REF!</definedName>
    <definedName name="___PRE050103">#REF!</definedName>
    <definedName name="___PRE050207" localSheetId="2">#REF!</definedName>
    <definedName name="___PRE050207">#REF!</definedName>
    <definedName name="___PRE060101" localSheetId="2">#REF!</definedName>
    <definedName name="___PRE060101">#REF!</definedName>
    <definedName name="___PRE080101" localSheetId="2">#REF!</definedName>
    <definedName name="___PRE080101">#REF!</definedName>
    <definedName name="___PRE080310" localSheetId="2">#REF!</definedName>
    <definedName name="___PRE080310">#REF!</definedName>
    <definedName name="___PRE090101" localSheetId="2">#REF!</definedName>
    <definedName name="___PRE090101">#REF!</definedName>
    <definedName name="___PRE100302" localSheetId="2">#REF!</definedName>
    <definedName name="___PRE100302">#REF!</definedName>
    <definedName name="___PRE110101" localSheetId="2">#REF!</definedName>
    <definedName name="___PRE110101">#REF!</definedName>
    <definedName name="___PRE110104" localSheetId="2">#REF!</definedName>
    <definedName name="___PRE110104">#REF!</definedName>
    <definedName name="___PRE110107" localSheetId="2">#REF!</definedName>
    <definedName name="___PRE110107">#REF!</definedName>
    <definedName name="___PRE120101" localSheetId="2">#REF!</definedName>
    <definedName name="___PRE120101">#REF!</definedName>
    <definedName name="___PRE120105" localSheetId="2">#REF!</definedName>
    <definedName name="___PRE120105">#REF!</definedName>
    <definedName name="___PRE120106" localSheetId="2">#REF!</definedName>
    <definedName name="___PRE120106">#REF!</definedName>
    <definedName name="___PRE120107" localSheetId="2">#REF!</definedName>
    <definedName name="___PRE120107">#REF!</definedName>
    <definedName name="___PRE120110" localSheetId="2">#REF!</definedName>
    <definedName name="___PRE120110">#REF!</definedName>
    <definedName name="___PRE120150" localSheetId="2">#REF!</definedName>
    <definedName name="___PRE120150">#REF!</definedName>
    <definedName name="___PRE130101" localSheetId="2">#REF!</definedName>
    <definedName name="___PRE130101">#REF!</definedName>
    <definedName name="___PRE130103" localSheetId="2">#REF!</definedName>
    <definedName name="___PRE130103">#REF!</definedName>
    <definedName name="___PRE130304" localSheetId="2">#REF!</definedName>
    <definedName name="___PRE130304">#REF!</definedName>
    <definedName name="___PRE130401" localSheetId="2">#REF!</definedName>
    <definedName name="___PRE130401">#REF!</definedName>
    <definedName name="___PRE140102" localSheetId="2">#REF!</definedName>
    <definedName name="___PRE140102">#REF!</definedName>
    <definedName name="___PRE140109" localSheetId="2">#REF!</definedName>
    <definedName name="___PRE140109">#REF!</definedName>
    <definedName name="___PRE140113" localSheetId="2">#REF!</definedName>
    <definedName name="___PRE140113">#REF!</definedName>
    <definedName name="___PRE140122" localSheetId="2">#REF!</definedName>
    <definedName name="___PRE140122">#REF!</definedName>
    <definedName name="___PRE140126" localSheetId="2">#REF!</definedName>
    <definedName name="___PRE140126">#REF!</definedName>
    <definedName name="___PRE140129" localSheetId="2">#REF!</definedName>
    <definedName name="___PRE140129">#REF!</definedName>
    <definedName name="___PRE140135" localSheetId="2">#REF!</definedName>
    <definedName name="___PRE140135">#REF!</definedName>
    <definedName name="___PRE140143" localSheetId="2">#REF!</definedName>
    <definedName name="___PRE140143">#REF!</definedName>
    <definedName name="___PRE140145" localSheetId="2">#REF!</definedName>
    <definedName name="___PRE140145">#REF!</definedName>
    <definedName name="___PRE150130" localSheetId="2">#REF!</definedName>
    <definedName name="___PRE150130">#REF!</definedName>
    <definedName name="___PRE170101" localSheetId="2">#REF!</definedName>
    <definedName name="___PRE170101">#REF!</definedName>
    <definedName name="___PRE170102" localSheetId="2">#REF!</definedName>
    <definedName name="___PRE170102">#REF!</definedName>
    <definedName name="___PRE170103" localSheetId="2">#REF!</definedName>
    <definedName name="___PRE170103">#REF!</definedName>
    <definedName name="___QUA010201" localSheetId="2">#REF!</definedName>
    <definedName name="___QUA010201">#REF!</definedName>
    <definedName name="___QUA010202" localSheetId="2">#REF!</definedName>
    <definedName name="___QUA010202">#REF!</definedName>
    <definedName name="___QUA010205" localSheetId="2">#REF!</definedName>
    <definedName name="___QUA010205">#REF!</definedName>
    <definedName name="___QUA010206" localSheetId="2">#REF!</definedName>
    <definedName name="___QUA010206">#REF!</definedName>
    <definedName name="___QUA010210" localSheetId="2">#REF!</definedName>
    <definedName name="___QUA010210">#REF!</definedName>
    <definedName name="___QUA010301" localSheetId="2">#REF!</definedName>
    <definedName name="___QUA010301">#REF!</definedName>
    <definedName name="___QUA010401" localSheetId="2">#REF!</definedName>
    <definedName name="___QUA010401">#REF!</definedName>
    <definedName name="___QUA010402" localSheetId="2">#REF!</definedName>
    <definedName name="___QUA010402">#REF!</definedName>
    <definedName name="___QUA010407" localSheetId="2">#REF!</definedName>
    <definedName name="___QUA010407">#REF!</definedName>
    <definedName name="___QUA010413" localSheetId="2">#REF!</definedName>
    <definedName name="___QUA010413">#REF!</definedName>
    <definedName name="___QUA010501" localSheetId="2">#REF!</definedName>
    <definedName name="___QUA010501">#REF!</definedName>
    <definedName name="___QUA010503" localSheetId="2">#REF!</definedName>
    <definedName name="___QUA010503">#REF!</definedName>
    <definedName name="___QUA010505" localSheetId="2">#REF!</definedName>
    <definedName name="___QUA010505">#REF!</definedName>
    <definedName name="___QUA010509" localSheetId="2">#REF!</definedName>
    <definedName name="___QUA010509">#REF!</definedName>
    <definedName name="___QUA010512" localSheetId="2">#REF!</definedName>
    <definedName name="___QUA010512">#REF!</definedName>
    <definedName name="___QUA010518" localSheetId="2">#REF!</definedName>
    <definedName name="___QUA010518">#REF!</definedName>
    <definedName name="___QUA010519" localSheetId="2">#REF!</definedName>
    <definedName name="___QUA010519">#REF!</definedName>
    <definedName name="___QUA010521" localSheetId="2">#REF!</definedName>
    <definedName name="___QUA010521">#REF!</definedName>
    <definedName name="___QUA010523" localSheetId="2">#REF!</definedName>
    <definedName name="___QUA010523">#REF!</definedName>
    <definedName name="___QUA010532" localSheetId="2">#REF!</definedName>
    <definedName name="___QUA010532">#REF!</definedName>
    <definedName name="___QUA010533" localSheetId="2">#REF!</definedName>
    <definedName name="___QUA010533">#REF!</definedName>
    <definedName name="___QUA010536" localSheetId="2">#REF!</definedName>
    <definedName name="___QUA010536">#REF!</definedName>
    <definedName name="___QUA010701" localSheetId="2">#REF!</definedName>
    <definedName name="___QUA010701">#REF!</definedName>
    <definedName name="___QUA010703" localSheetId="2">#REF!</definedName>
    <definedName name="___QUA010703">#REF!</definedName>
    <definedName name="___QUA010705" localSheetId="2">#REF!</definedName>
    <definedName name="___QUA010705">#REF!</definedName>
    <definedName name="___QUA010708" localSheetId="2">#REF!</definedName>
    <definedName name="___QUA010708">#REF!</definedName>
    <definedName name="___QUA010710" localSheetId="2">#REF!</definedName>
    <definedName name="___QUA010710">#REF!</definedName>
    <definedName name="___QUA010712" localSheetId="2">#REF!</definedName>
    <definedName name="___QUA010712">#REF!</definedName>
    <definedName name="___QUA010717" localSheetId="2">#REF!</definedName>
    <definedName name="___QUA010717">#REF!</definedName>
    <definedName name="___QUA010718" localSheetId="2">#REF!</definedName>
    <definedName name="___QUA010718">#REF!</definedName>
    <definedName name="___QUA020201" localSheetId="2">#REF!</definedName>
    <definedName name="___QUA020201">#REF!</definedName>
    <definedName name="___QUA020205" localSheetId="2">#REF!</definedName>
    <definedName name="___QUA020205">#REF!</definedName>
    <definedName name="___QUA020211" localSheetId="2">#REF!</definedName>
    <definedName name="___QUA020211">#REF!</definedName>
    <definedName name="___QUA020217" localSheetId="2">#REF!</definedName>
    <definedName name="___QUA020217">#REF!</definedName>
    <definedName name="___QUA030102" localSheetId="2">#REF!</definedName>
    <definedName name="___QUA030102">#REF!</definedName>
    <definedName name="___QUA030201" localSheetId="2">#REF!</definedName>
    <definedName name="___QUA030201">#REF!</definedName>
    <definedName name="___QUA030303" localSheetId="2">#REF!</definedName>
    <definedName name="___QUA030303">#REF!</definedName>
    <definedName name="___QUA030317" localSheetId="2">#REF!</definedName>
    <definedName name="___QUA030317">#REF!</definedName>
    <definedName name="___QUA040101" localSheetId="2">#REF!</definedName>
    <definedName name="___QUA040101">#REF!</definedName>
    <definedName name="___QUA040202" localSheetId="2">#REF!</definedName>
    <definedName name="___QUA040202">#REF!</definedName>
    <definedName name="___QUA050103" localSheetId="2">#REF!</definedName>
    <definedName name="___QUA050103">#REF!</definedName>
    <definedName name="___QUA050207" localSheetId="2">#REF!</definedName>
    <definedName name="___QUA050207">#REF!</definedName>
    <definedName name="___QUA060101" localSheetId="2">#REF!</definedName>
    <definedName name="___QUA060101">#REF!</definedName>
    <definedName name="___QUA080101" localSheetId="2">#REF!</definedName>
    <definedName name="___QUA080101">#REF!</definedName>
    <definedName name="___QUA080310" localSheetId="2">#REF!</definedName>
    <definedName name="___QUA080310">#REF!</definedName>
    <definedName name="___QUA090101" localSheetId="2">#REF!</definedName>
    <definedName name="___QUA090101">#REF!</definedName>
    <definedName name="___QUA100302" localSheetId="2">#REF!</definedName>
    <definedName name="___QUA100302">#REF!</definedName>
    <definedName name="___QUA110101" localSheetId="2">#REF!</definedName>
    <definedName name="___QUA110101">#REF!</definedName>
    <definedName name="___QUA110104" localSheetId="2">#REF!</definedName>
    <definedName name="___QUA110104">#REF!</definedName>
    <definedName name="___QUA110107" localSheetId="2">#REF!</definedName>
    <definedName name="___QUA110107">#REF!</definedName>
    <definedName name="___QUA120101" localSheetId="2">#REF!</definedName>
    <definedName name="___QUA120101">#REF!</definedName>
    <definedName name="___QUA120105" localSheetId="2">#REF!</definedName>
    <definedName name="___QUA120105">#REF!</definedName>
    <definedName name="___QUA120106" localSheetId="2">#REF!</definedName>
    <definedName name="___QUA120106">#REF!</definedName>
    <definedName name="___QUA120107" localSheetId="2">#REF!</definedName>
    <definedName name="___QUA120107">#REF!</definedName>
    <definedName name="___QUA120110" localSheetId="2">#REF!</definedName>
    <definedName name="___QUA120110">#REF!</definedName>
    <definedName name="___QUA120150" localSheetId="2">#REF!</definedName>
    <definedName name="___QUA120150">#REF!</definedName>
    <definedName name="___QUA130101" localSheetId="2">#REF!</definedName>
    <definedName name="___QUA130101">#REF!</definedName>
    <definedName name="___QUA130103" localSheetId="2">#REF!</definedName>
    <definedName name="___QUA130103">#REF!</definedName>
    <definedName name="___QUA130304" localSheetId="2">#REF!</definedName>
    <definedName name="___QUA130304">#REF!</definedName>
    <definedName name="___QUA130401" localSheetId="2">#REF!</definedName>
    <definedName name="___QUA130401">#REF!</definedName>
    <definedName name="___QUA140102" localSheetId="2">#REF!</definedName>
    <definedName name="___QUA140102">#REF!</definedName>
    <definedName name="___QUA140109" localSheetId="2">#REF!</definedName>
    <definedName name="___QUA140109">#REF!</definedName>
    <definedName name="___QUA140113" localSheetId="2">#REF!</definedName>
    <definedName name="___QUA140113">#REF!</definedName>
    <definedName name="___QUA140122" localSheetId="2">#REF!</definedName>
    <definedName name="___QUA140122">#REF!</definedName>
    <definedName name="___QUA140126" localSheetId="2">#REF!</definedName>
    <definedName name="___QUA140126">#REF!</definedName>
    <definedName name="___QUA140129" localSheetId="2">#REF!</definedName>
    <definedName name="___QUA140129">#REF!</definedName>
    <definedName name="___QUA140135" localSheetId="2">#REF!</definedName>
    <definedName name="___QUA140135">#REF!</definedName>
    <definedName name="___QUA140143" localSheetId="2">#REF!</definedName>
    <definedName name="___QUA140143">#REF!</definedName>
    <definedName name="___QUA140145" localSheetId="2">#REF!</definedName>
    <definedName name="___QUA140145">#REF!</definedName>
    <definedName name="___QUA150130" localSheetId="2">#REF!</definedName>
    <definedName name="___QUA150130">#REF!</definedName>
    <definedName name="___QUA170101" localSheetId="2">#REF!</definedName>
    <definedName name="___QUA170101">#REF!</definedName>
    <definedName name="___QUA170102" localSheetId="2">#REF!</definedName>
    <definedName name="___QUA170102">#REF!</definedName>
    <definedName name="___QUA170103" localSheetId="2">#REF!</definedName>
    <definedName name="___QUA170103">#REF!</definedName>
    <definedName name="___R" localSheetId="2">#REF!</definedName>
    <definedName name="___R">#REF!</definedName>
    <definedName name="___REC11100" localSheetId="2">#REF!</definedName>
    <definedName name="___REC11100">#REF!</definedName>
    <definedName name="___REC11110" localSheetId="2">#REF!</definedName>
    <definedName name="___REC11110">#REF!</definedName>
    <definedName name="___REC11115" localSheetId="2">#REF!</definedName>
    <definedName name="___REC11115">#REF!</definedName>
    <definedName name="___REC11125" localSheetId="2">#REF!</definedName>
    <definedName name="___REC11125">#REF!</definedName>
    <definedName name="___REC11130" localSheetId="2">#REF!</definedName>
    <definedName name="___REC11130">#REF!</definedName>
    <definedName name="___REC11135" localSheetId="2">#REF!</definedName>
    <definedName name="___REC11135">#REF!</definedName>
    <definedName name="___REC11145" localSheetId="2">#REF!</definedName>
    <definedName name="___REC11145">#REF!</definedName>
    <definedName name="___REC11150" localSheetId="2">#REF!</definedName>
    <definedName name="___REC11150">#REF!</definedName>
    <definedName name="___REC11165" localSheetId="2">#REF!</definedName>
    <definedName name="___REC11165">#REF!</definedName>
    <definedName name="___REC11170" localSheetId="2">#REF!</definedName>
    <definedName name="___REC11170">#REF!</definedName>
    <definedName name="___REC11180" localSheetId="2">#REF!</definedName>
    <definedName name="___REC11180">#REF!</definedName>
    <definedName name="___REC11185" localSheetId="2">#REF!</definedName>
    <definedName name="___REC11185">#REF!</definedName>
    <definedName name="___REC11220" localSheetId="2">#REF!</definedName>
    <definedName name="___REC11220">#REF!</definedName>
    <definedName name="___REC12105" localSheetId="2">#REF!</definedName>
    <definedName name="___REC12105">#REF!</definedName>
    <definedName name="___REC12555" localSheetId="2">#REF!</definedName>
    <definedName name="___REC12555">#REF!</definedName>
    <definedName name="___REC12570" localSheetId="2">#REF!</definedName>
    <definedName name="___REC12570">#REF!</definedName>
    <definedName name="___REC12575" localSheetId="2">#REF!</definedName>
    <definedName name="___REC12575">#REF!</definedName>
    <definedName name="___REC12580" localSheetId="2">#REF!</definedName>
    <definedName name="___REC12580">#REF!</definedName>
    <definedName name="___REC12600" localSheetId="2">#REF!</definedName>
    <definedName name="___REC12600">#REF!</definedName>
    <definedName name="___REC12610" localSheetId="2">#REF!</definedName>
    <definedName name="___REC12610">#REF!</definedName>
    <definedName name="___REC12630" localSheetId="2">#REF!</definedName>
    <definedName name="___REC12630">#REF!</definedName>
    <definedName name="___REC12631" localSheetId="2">#REF!</definedName>
    <definedName name="___REC12631">#REF!</definedName>
    <definedName name="___REC12640" localSheetId="2">#REF!</definedName>
    <definedName name="___REC12640">#REF!</definedName>
    <definedName name="___REC12645" localSheetId="2">#REF!</definedName>
    <definedName name="___REC12645">#REF!</definedName>
    <definedName name="___REC12665" localSheetId="2">#REF!</definedName>
    <definedName name="___REC12665">#REF!</definedName>
    <definedName name="___REC12690" localSheetId="2">#REF!</definedName>
    <definedName name="___REC12690">#REF!</definedName>
    <definedName name="___REC12700" localSheetId="2">#REF!</definedName>
    <definedName name="___REC12700">#REF!</definedName>
    <definedName name="___REC12710" localSheetId="2">#REF!</definedName>
    <definedName name="___REC12710">#REF!</definedName>
    <definedName name="___REC13111" localSheetId="2">#REF!</definedName>
    <definedName name="___REC13111">#REF!</definedName>
    <definedName name="___REC13112" localSheetId="2">#REF!</definedName>
    <definedName name="___REC13112">#REF!</definedName>
    <definedName name="___REC13121" localSheetId="2">#REF!</definedName>
    <definedName name="___REC13121">#REF!</definedName>
    <definedName name="___REC13720" localSheetId="2">#REF!</definedName>
    <definedName name="___REC13720">#REF!</definedName>
    <definedName name="___REC14100" localSheetId="2">#REF!</definedName>
    <definedName name="___REC14100">#REF!</definedName>
    <definedName name="___REC14161" localSheetId="2">#REF!</definedName>
    <definedName name="___REC14161">#REF!</definedName>
    <definedName name="___REC14195" localSheetId="2">#REF!</definedName>
    <definedName name="___REC14195">#REF!</definedName>
    <definedName name="___REC14205" localSheetId="2">#REF!</definedName>
    <definedName name="___REC14205">#REF!</definedName>
    <definedName name="___REC14260" localSheetId="2">#REF!</definedName>
    <definedName name="___REC14260">#REF!</definedName>
    <definedName name="___REC14500" localSheetId="2">#REF!</definedName>
    <definedName name="___REC14500">#REF!</definedName>
    <definedName name="___REC14515" localSheetId="2">#REF!</definedName>
    <definedName name="___REC14515">#REF!</definedName>
    <definedName name="___REC14555" localSheetId="2">#REF!</definedName>
    <definedName name="___REC14555">#REF!</definedName>
    <definedName name="___REC14565" localSheetId="2">#REF!</definedName>
    <definedName name="___REC14565">#REF!</definedName>
    <definedName name="___REC15135" localSheetId="2">#REF!</definedName>
    <definedName name="___REC15135">#REF!</definedName>
    <definedName name="___REC15140" localSheetId="2">#REF!</definedName>
    <definedName name="___REC15140">#REF!</definedName>
    <definedName name="___REC15195" localSheetId="2">#REF!</definedName>
    <definedName name="___REC15195">#REF!</definedName>
    <definedName name="___REC15225" localSheetId="2">#REF!</definedName>
    <definedName name="___REC15225">#REF!</definedName>
    <definedName name="___REC15230" localSheetId="2">#REF!</definedName>
    <definedName name="___REC15230">#REF!</definedName>
    <definedName name="___REC15515" localSheetId="2">#REF!</definedName>
    <definedName name="___REC15515">#REF!</definedName>
    <definedName name="___REC15560" localSheetId="2">#REF!</definedName>
    <definedName name="___REC15560">#REF!</definedName>
    <definedName name="___REC15565" localSheetId="2">#REF!</definedName>
    <definedName name="___REC15565">#REF!</definedName>
    <definedName name="___REC15570" localSheetId="2">#REF!</definedName>
    <definedName name="___REC15570">#REF!</definedName>
    <definedName name="___REC15575" localSheetId="2">#REF!</definedName>
    <definedName name="___REC15575">#REF!</definedName>
    <definedName name="___REC15583" localSheetId="2">#REF!</definedName>
    <definedName name="___REC15583">#REF!</definedName>
    <definedName name="___REC15590" localSheetId="2">#REF!</definedName>
    <definedName name="___REC15590">#REF!</definedName>
    <definedName name="___REC15591" localSheetId="2">#REF!</definedName>
    <definedName name="___REC15591">#REF!</definedName>
    <definedName name="___REC15610" localSheetId="2">#REF!</definedName>
    <definedName name="___REC15610">#REF!</definedName>
    <definedName name="___REC15625" localSheetId="2">#REF!</definedName>
    <definedName name="___REC15625">#REF!</definedName>
    <definedName name="___REC15635" localSheetId="2">#REF!</definedName>
    <definedName name="___REC15635">#REF!</definedName>
    <definedName name="___REC15655" localSheetId="2">#REF!</definedName>
    <definedName name="___REC15655">#REF!</definedName>
    <definedName name="___REC15665" localSheetId="2">#REF!</definedName>
    <definedName name="___REC15665">#REF!</definedName>
    <definedName name="___REC16515" localSheetId="2">#REF!</definedName>
    <definedName name="___REC16515">#REF!</definedName>
    <definedName name="___REC16535" localSheetId="2">#REF!</definedName>
    <definedName name="___REC16535">#REF!</definedName>
    <definedName name="___REC17140" localSheetId="2">#REF!</definedName>
    <definedName name="___REC17140">#REF!</definedName>
    <definedName name="___REC19500" localSheetId="2">#REF!</definedName>
    <definedName name="___REC19500">#REF!</definedName>
    <definedName name="___REC19501" localSheetId="2">#REF!</definedName>
    <definedName name="___REC19501">#REF!</definedName>
    <definedName name="___REC19502" localSheetId="2">#REF!</definedName>
    <definedName name="___REC19502">#REF!</definedName>
    <definedName name="___REC19503" localSheetId="2">#REF!</definedName>
    <definedName name="___REC19503">#REF!</definedName>
    <definedName name="___REC19504" localSheetId="2">#REF!</definedName>
    <definedName name="___REC19504">#REF!</definedName>
    <definedName name="___REC19505" localSheetId="2">#REF!</definedName>
    <definedName name="___REC19505">#REF!</definedName>
    <definedName name="___REC20100" localSheetId="2">#REF!</definedName>
    <definedName name="___REC20100">#REF!</definedName>
    <definedName name="___REC20105" localSheetId="2">#REF!</definedName>
    <definedName name="___REC20105">#REF!</definedName>
    <definedName name="___REC20110" localSheetId="2">#REF!</definedName>
    <definedName name="___REC20110">#REF!</definedName>
    <definedName name="___REC20115" localSheetId="2">#REF!</definedName>
    <definedName name="___REC20115">#REF!</definedName>
    <definedName name="___REC20130" localSheetId="2">#REF!</definedName>
    <definedName name="___REC20130">#REF!</definedName>
    <definedName name="___REC20135" localSheetId="2">#REF!</definedName>
    <definedName name="___REC20135">#REF!</definedName>
    <definedName name="___REC20140" localSheetId="2">#REF!</definedName>
    <definedName name="___REC20140">#REF!</definedName>
    <definedName name="___REC20145" localSheetId="2">#REF!</definedName>
    <definedName name="___REC20145">#REF!</definedName>
    <definedName name="___REC20150" localSheetId="2">#REF!</definedName>
    <definedName name="___REC20150">#REF!</definedName>
    <definedName name="___REC20155" localSheetId="2">#REF!</definedName>
    <definedName name="___REC20155">#REF!</definedName>
    <definedName name="___REC20175" localSheetId="2">#REF!</definedName>
    <definedName name="___REC20175">#REF!</definedName>
    <definedName name="___REC20185" localSheetId="2">#REF!</definedName>
    <definedName name="___REC20185">#REF!</definedName>
    <definedName name="___REC20190" localSheetId="2">#REF!</definedName>
    <definedName name="___REC20190">#REF!</definedName>
    <definedName name="___REC20195" localSheetId="2">#REF!</definedName>
    <definedName name="___REC20195">#REF!</definedName>
    <definedName name="___REC20210" localSheetId="2">#REF!</definedName>
    <definedName name="___REC20210">#REF!</definedName>
    <definedName name="___RET1">[1]Regula!$J$36</definedName>
    <definedName name="___svi2" localSheetId="2">#REF!</definedName>
    <definedName name="___svi2">#REF!</definedName>
    <definedName name="___TT102" localSheetId="2">'[2]Relatório-1ª med.'!#REF!</definedName>
    <definedName name="___TT102">'[2]Relatório-1ª med.'!#REF!</definedName>
    <definedName name="___TT107" localSheetId="2">'[2]Relatório-1ª med.'!#REF!</definedName>
    <definedName name="___TT107">'[2]Relatório-1ª med.'!#REF!</definedName>
    <definedName name="___TT121" localSheetId="2">'[2]Relatório-1ª med.'!#REF!</definedName>
    <definedName name="___TT121">'[2]Relatório-1ª med.'!#REF!</definedName>
    <definedName name="___TT123" localSheetId="2">'[2]Relatório-1ª med.'!#REF!</definedName>
    <definedName name="___TT123">'[2]Relatório-1ª med.'!#REF!</definedName>
    <definedName name="___TT19" localSheetId="2">'[2]Relatório-1ª med.'!#REF!</definedName>
    <definedName name="___TT19">'[2]Relatório-1ª med.'!#REF!</definedName>
    <definedName name="___TT20" localSheetId="2">'[2]Relatório-1ª med.'!#REF!</definedName>
    <definedName name="___TT20">'[2]Relatório-1ª med.'!#REF!</definedName>
    <definedName name="___TT21" localSheetId="2">'[2]Relatório-1ª med.'!#REF!</definedName>
    <definedName name="___TT21">'[2]Relatório-1ª med.'!#REF!</definedName>
    <definedName name="___TT22" localSheetId="2">'[2]Relatório-1ª med.'!#REF!</definedName>
    <definedName name="___TT22">'[2]Relatório-1ª med.'!#REF!</definedName>
    <definedName name="___TT26" localSheetId="2">'[2]Relatório-1ª med.'!#REF!</definedName>
    <definedName name="___TT26">'[2]Relatório-1ª med.'!#REF!</definedName>
    <definedName name="___TT27" localSheetId="2">'[2]Relatório-1ª med.'!#REF!</definedName>
    <definedName name="___TT27">'[2]Relatório-1ª med.'!#REF!</definedName>
    <definedName name="___TT28" localSheetId="2">'[2]Relatório-1ª med.'!#REF!</definedName>
    <definedName name="___TT28">'[2]Relatório-1ª med.'!#REF!</definedName>
    <definedName name="___TT30" localSheetId="2">'[2]Relatório-1ª med.'!#REF!</definedName>
    <definedName name="___TT30">'[2]Relatório-1ª med.'!#REF!</definedName>
    <definedName name="___TT31" localSheetId="2">'[2]Relatório-1ª med.'!#REF!</definedName>
    <definedName name="___TT31">'[2]Relatório-1ª med.'!#REF!</definedName>
    <definedName name="___TT32" localSheetId="2">'[2]Relatório-1ª med.'!#REF!</definedName>
    <definedName name="___TT32">'[2]Relatório-1ª med.'!#REF!</definedName>
    <definedName name="___TT33" localSheetId="2">'[2]Relatório-1ª med.'!#REF!</definedName>
    <definedName name="___TT33">'[2]Relatório-1ª med.'!#REF!</definedName>
    <definedName name="___TT34" localSheetId="2">'[2]Relatório-1ª med.'!#REF!</definedName>
    <definedName name="___TT34">'[2]Relatório-1ª med.'!#REF!</definedName>
    <definedName name="___TT36" localSheetId="2">'[2]Relatório-1ª med.'!#REF!</definedName>
    <definedName name="___TT36">'[2]Relatório-1ª med.'!#REF!</definedName>
    <definedName name="___TT37" localSheetId="2">'[2]Relatório-1ª med.'!#REF!</definedName>
    <definedName name="___TT37">'[2]Relatório-1ª med.'!#REF!</definedName>
    <definedName name="___TT38" localSheetId="2">'[2]Relatório-1ª med.'!#REF!</definedName>
    <definedName name="___TT38">'[2]Relatório-1ª med.'!#REF!</definedName>
    <definedName name="___TT39" localSheetId="2">'[2]Relatório-1ª med.'!#REF!</definedName>
    <definedName name="___TT39">'[2]Relatório-1ª med.'!#REF!</definedName>
    <definedName name="___TT40" localSheetId="2">'[2]Relatório-1ª med.'!#REF!</definedName>
    <definedName name="___TT40">'[2]Relatório-1ª med.'!#REF!</definedName>
    <definedName name="___TT5" localSheetId="2">'[2]Relatório-1ª med.'!#REF!</definedName>
    <definedName name="___TT5">'[2]Relatório-1ª med.'!#REF!</definedName>
    <definedName name="___TT52" localSheetId="2">'[2]Relatório-1ª med.'!#REF!</definedName>
    <definedName name="___TT52">'[2]Relatório-1ª med.'!#REF!</definedName>
    <definedName name="___TT53" localSheetId="2">'[2]Relatório-1ª med.'!#REF!</definedName>
    <definedName name="___TT53">'[2]Relatório-1ª med.'!#REF!</definedName>
    <definedName name="___TT54" localSheetId="2">'[2]Relatório-1ª med.'!#REF!</definedName>
    <definedName name="___TT54">'[2]Relatório-1ª med.'!#REF!</definedName>
    <definedName name="___TT55" localSheetId="2">'[2]Relatório-1ª med.'!#REF!</definedName>
    <definedName name="___TT55">'[2]Relatório-1ª med.'!#REF!</definedName>
    <definedName name="___TT6" localSheetId="2">'[2]Relatório-1ª med.'!#REF!</definedName>
    <definedName name="___TT6">'[2]Relatório-1ª med.'!#REF!</definedName>
    <definedName name="___TT60" localSheetId="2">'[2]Relatório-1ª med.'!#REF!</definedName>
    <definedName name="___TT60">'[2]Relatório-1ª med.'!#REF!</definedName>
    <definedName name="___TT61" localSheetId="2">'[2]Relatório-1ª med.'!#REF!</definedName>
    <definedName name="___TT61">'[2]Relatório-1ª med.'!#REF!</definedName>
    <definedName name="___TT69" localSheetId="2">'[2]Relatório-1ª med.'!#REF!</definedName>
    <definedName name="___TT69">'[2]Relatório-1ª med.'!#REF!</definedName>
    <definedName name="___TT7" localSheetId="2">'[2]Relatório-1ª med.'!#REF!</definedName>
    <definedName name="___TT7">'[2]Relatório-1ª med.'!#REF!</definedName>
    <definedName name="___TT70" localSheetId="2">'[2]Relatório-1ª med.'!#REF!</definedName>
    <definedName name="___TT70">'[2]Relatório-1ª med.'!#REF!</definedName>
    <definedName name="___TT71" localSheetId="2">'[2]Relatório-1ª med.'!#REF!</definedName>
    <definedName name="___TT71">'[2]Relatório-1ª med.'!#REF!</definedName>
    <definedName name="___TT74" localSheetId="2">'[2]Relatório-1ª med.'!#REF!</definedName>
    <definedName name="___TT74">'[2]Relatório-1ª med.'!#REF!</definedName>
    <definedName name="___TT75" localSheetId="2">'[2]Relatório-1ª med.'!#REF!</definedName>
    <definedName name="___TT75">'[2]Relatório-1ª med.'!#REF!</definedName>
    <definedName name="___TT76" localSheetId="2">'[2]Relatório-1ª med.'!#REF!</definedName>
    <definedName name="___TT76">'[2]Relatório-1ª med.'!#REF!</definedName>
    <definedName name="___TT77" localSheetId="2">'[2]Relatório-1ª med.'!#REF!</definedName>
    <definedName name="___TT77">'[2]Relatório-1ª med.'!#REF!</definedName>
    <definedName name="___TT78" localSheetId="2">'[2]Relatório-1ª med.'!#REF!</definedName>
    <definedName name="___TT78">'[2]Relatório-1ª med.'!#REF!</definedName>
    <definedName name="___TT79" localSheetId="2">'[2]Relatório-1ª med.'!#REF!</definedName>
    <definedName name="___TT79">'[2]Relatório-1ª med.'!#REF!</definedName>
    <definedName name="___TT94" localSheetId="2">'[2]Relatório-1ª med.'!#REF!</definedName>
    <definedName name="___TT94">'[2]Relatório-1ª med.'!#REF!</definedName>
    <definedName name="___TT95" localSheetId="2">'[2]Relatório-1ª med.'!#REF!</definedName>
    <definedName name="___TT95">'[2]Relatório-1ª med.'!#REF!</definedName>
    <definedName name="___TT97" localSheetId="2">'[2]Relatório-1ª med.'!#REF!</definedName>
    <definedName name="___TT97">'[2]Relatório-1ª med.'!#REF!</definedName>
    <definedName name="___UNI11100" localSheetId="2">#REF!</definedName>
    <definedName name="___UNI11100">#REF!</definedName>
    <definedName name="___UNI11110" localSheetId="2">#REF!</definedName>
    <definedName name="___UNI11110">#REF!</definedName>
    <definedName name="___UNI11115" localSheetId="2">#REF!</definedName>
    <definedName name="___UNI11115">#REF!</definedName>
    <definedName name="___UNI11125" localSheetId="2">#REF!</definedName>
    <definedName name="___UNI11125">#REF!</definedName>
    <definedName name="___UNI11130" localSheetId="2">#REF!</definedName>
    <definedName name="___UNI11130">#REF!</definedName>
    <definedName name="___UNI11135" localSheetId="2">#REF!</definedName>
    <definedName name="___UNI11135">#REF!</definedName>
    <definedName name="___UNI11145" localSheetId="2">#REF!</definedName>
    <definedName name="___UNI11145">#REF!</definedName>
    <definedName name="___UNI11150" localSheetId="2">#REF!</definedName>
    <definedName name="___UNI11150">#REF!</definedName>
    <definedName name="___UNI11165" localSheetId="2">#REF!</definedName>
    <definedName name="___UNI11165">#REF!</definedName>
    <definedName name="___UNI11170" localSheetId="2">#REF!</definedName>
    <definedName name="___UNI11170">#REF!</definedName>
    <definedName name="___UNI11180" localSheetId="2">#REF!</definedName>
    <definedName name="___UNI11180">#REF!</definedName>
    <definedName name="___UNI11185" localSheetId="2">#REF!</definedName>
    <definedName name="___UNI11185">#REF!</definedName>
    <definedName name="___UNI11220" localSheetId="2">#REF!</definedName>
    <definedName name="___UNI11220">#REF!</definedName>
    <definedName name="___UNI12105" localSheetId="2">#REF!</definedName>
    <definedName name="___UNI12105">#REF!</definedName>
    <definedName name="___UNI12555" localSheetId="2">#REF!</definedName>
    <definedName name="___UNI12555">#REF!</definedName>
    <definedName name="___UNI12570" localSheetId="2">#REF!</definedName>
    <definedName name="___UNI12570">#REF!</definedName>
    <definedName name="___UNI12575" localSheetId="2">#REF!</definedName>
    <definedName name="___UNI12575">#REF!</definedName>
    <definedName name="___UNI12580" localSheetId="2">#REF!</definedName>
    <definedName name="___UNI12580">#REF!</definedName>
    <definedName name="___UNI12600" localSheetId="2">#REF!</definedName>
    <definedName name="___UNI12600">#REF!</definedName>
    <definedName name="___UNI12610" localSheetId="2">#REF!</definedName>
    <definedName name="___UNI12610">#REF!</definedName>
    <definedName name="___UNI12630" localSheetId="2">#REF!</definedName>
    <definedName name="___UNI12630">#REF!</definedName>
    <definedName name="___UNI12631" localSheetId="2">#REF!</definedName>
    <definedName name="___UNI12631">#REF!</definedName>
    <definedName name="___UNI12640" localSheetId="2">#REF!</definedName>
    <definedName name="___UNI12640">#REF!</definedName>
    <definedName name="___UNI12645" localSheetId="2">#REF!</definedName>
    <definedName name="___UNI12645">#REF!</definedName>
    <definedName name="___UNI12665" localSheetId="2">#REF!</definedName>
    <definedName name="___UNI12665">#REF!</definedName>
    <definedName name="___UNI12690" localSheetId="2">#REF!</definedName>
    <definedName name="___UNI12690">#REF!</definedName>
    <definedName name="___UNI12700" localSheetId="2">#REF!</definedName>
    <definedName name="___UNI12700">#REF!</definedName>
    <definedName name="___UNI12710" localSheetId="2">#REF!</definedName>
    <definedName name="___UNI12710">#REF!</definedName>
    <definedName name="___UNI13111" localSheetId="2">#REF!</definedName>
    <definedName name="___UNI13111">#REF!</definedName>
    <definedName name="___UNI13112" localSheetId="2">#REF!</definedName>
    <definedName name="___UNI13112">#REF!</definedName>
    <definedName name="___UNI13121" localSheetId="2">#REF!</definedName>
    <definedName name="___UNI13121">#REF!</definedName>
    <definedName name="___UNI13720" localSheetId="2">#REF!</definedName>
    <definedName name="___UNI13720">#REF!</definedName>
    <definedName name="___UNI14100" localSheetId="2">#REF!</definedName>
    <definedName name="___UNI14100">#REF!</definedName>
    <definedName name="___UNI14161" localSheetId="2">#REF!</definedName>
    <definedName name="___UNI14161">#REF!</definedName>
    <definedName name="___UNI14195" localSheetId="2">#REF!</definedName>
    <definedName name="___UNI14195">#REF!</definedName>
    <definedName name="___UNI14205" localSheetId="2">#REF!</definedName>
    <definedName name="___UNI14205">#REF!</definedName>
    <definedName name="___UNI14260" localSheetId="2">#REF!</definedName>
    <definedName name="___UNI14260">#REF!</definedName>
    <definedName name="___UNI14500" localSheetId="2">#REF!</definedName>
    <definedName name="___UNI14500">#REF!</definedName>
    <definedName name="___UNI14515" localSheetId="2">#REF!</definedName>
    <definedName name="___UNI14515">#REF!</definedName>
    <definedName name="___UNI14555" localSheetId="2">#REF!</definedName>
    <definedName name="___UNI14555">#REF!</definedName>
    <definedName name="___UNI14565" localSheetId="2">#REF!</definedName>
    <definedName name="___UNI14565">#REF!</definedName>
    <definedName name="___UNI15135" localSheetId="2">#REF!</definedName>
    <definedName name="___UNI15135">#REF!</definedName>
    <definedName name="___UNI15140" localSheetId="2">#REF!</definedName>
    <definedName name="___UNI15140">#REF!</definedName>
    <definedName name="___UNI15195" localSheetId="2">#REF!</definedName>
    <definedName name="___UNI15195">#REF!</definedName>
    <definedName name="___UNI15225" localSheetId="2">#REF!</definedName>
    <definedName name="___UNI15225">#REF!</definedName>
    <definedName name="___UNI15230" localSheetId="2">#REF!</definedName>
    <definedName name="___UNI15230">#REF!</definedName>
    <definedName name="___UNI15515" localSheetId="2">#REF!</definedName>
    <definedName name="___UNI15515">#REF!</definedName>
    <definedName name="___UNI15560" localSheetId="2">#REF!</definedName>
    <definedName name="___UNI15560">#REF!</definedName>
    <definedName name="___UNI15565" localSheetId="2">#REF!</definedName>
    <definedName name="___UNI15565">#REF!</definedName>
    <definedName name="___UNI15570" localSheetId="2">#REF!</definedName>
    <definedName name="___UNI15570">#REF!</definedName>
    <definedName name="___UNI15575" localSheetId="2">#REF!</definedName>
    <definedName name="___UNI15575">#REF!</definedName>
    <definedName name="___UNI15583" localSheetId="2">#REF!</definedName>
    <definedName name="___UNI15583">#REF!</definedName>
    <definedName name="___UNI15590" localSheetId="2">#REF!</definedName>
    <definedName name="___UNI15590">#REF!</definedName>
    <definedName name="___UNI15591" localSheetId="2">#REF!</definedName>
    <definedName name="___UNI15591">#REF!</definedName>
    <definedName name="___UNI15610" localSheetId="2">#REF!</definedName>
    <definedName name="___UNI15610">#REF!</definedName>
    <definedName name="___UNI15625" localSheetId="2">#REF!</definedName>
    <definedName name="___UNI15625">#REF!</definedName>
    <definedName name="___UNI15635" localSheetId="2">#REF!</definedName>
    <definedName name="___UNI15635">#REF!</definedName>
    <definedName name="___UNI15655" localSheetId="2">#REF!</definedName>
    <definedName name="___UNI15655">#REF!</definedName>
    <definedName name="___UNI15665" localSheetId="2">#REF!</definedName>
    <definedName name="___UNI15665">#REF!</definedName>
    <definedName name="___UNI16515" localSheetId="2">#REF!</definedName>
    <definedName name="___UNI16515">#REF!</definedName>
    <definedName name="___UNI16535" localSheetId="2">#REF!</definedName>
    <definedName name="___UNI16535">#REF!</definedName>
    <definedName name="___UNI17140" localSheetId="2">#REF!</definedName>
    <definedName name="___UNI17140">#REF!</definedName>
    <definedName name="___UNI19500" localSheetId="2">#REF!</definedName>
    <definedName name="___UNI19500">#REF!</definedName>
    <definedName name="___UNI19501" localSheetId="2">#REF!</definedName>
    <definedName name="___UNI19501">#REF!</definedName>
    <definedName name="___UNI19502" localSheetId="2">#REF!</definedName>
    <definedName name="___UNI19502">#REF!</definedName>
    <definedName name="___UNI19503" localSheetId="2">#REF!</definedName>
    <definedName name="___UNI19503">#REF!</definedName>
    <definedName name="___UNI19504" localSheetId="2">#REF!</definedName>
    <definedName name="___UNI19504">#REF!</definedName>
    <definedName name="___UNI19505" localSheetId="2">#REF!</definedName>
    <definedName name="___UNI19505">#REF!</definedName>
    <definedName name="___UNI20100" localSheetId="2">#REF!</definedName>
    <definedName name="___UNI20100">#REF!</definedName>
    <definedName name="___UNI20105" localSheetId="2">#REF!</definedName>
    <definedName name="___UNI20105">#REF!</definedName>
    <definedName name="___UNI20110" localSheetId="2">#REF!</definedName>
    <definedName name="___UNI20110">#REF!</definedName>
    <definedName name="___UNI20115" localSheetId="2">#REF!</definedName>
    <definedName name="___UNI20115">#REF!</definedName>
    <definedName name="___UNI20130" localSheetId="2">#REF!</definedName>
    <definedName name="___UNI20130">#REF!</definedName>
    <definedName name="___UNI20135" localSheetId="2">#REF!</definedName>
    <definedName name="___UNI20135">#REF!</definedName>
    <definedName name="___UNI20140" localSheetId="2">#REF!</definedName>
    <definedName name="___UNI20140">#REF!</definedName>
    <definedName name="___UNI20145" localSheetId="2">#REF!</definedName>
    <definedName name="___UNI20145">#REF!</definedName>
    <definedName name="___UNI20150" localSheetId="2">#REF!</definedName>
    <definedName name="___UNI20150">#REF!</definedName>
    <definedName name="___UNI20155" localSheetId="2">#REF!</definedName>
    <definedName name="___UNI20155">#REF!</definedName>
    <definedName name="___UNI20175" localSheetId="2">#REF!</definedName>
    <definedName name="___UNI20175">#REF!</definedName>
    <definedName name="___UNI20185" localSheetId="2">#REF!</definedName>
    <definedName name="___UNI20185">#REF!</definedName>
    <definedName name="___UNI20190" localSheetId="2">#REF!</definedName>
    <definedName name="___UNI20190">#REF!</definedName>
    <definedName name="___UNI20195" localSheetId="2">#REF!</definedName>
    <definedName name="___UNI20195">#REF!</definedName>
    <definedName name="___UNI20210" localSheetId="2">#REF!</definedName>
    <definedName name="___UNI20210">#REF!</definedName>
    <definedName name="___VAL11100" localSheetId="2">#REF!</definedName>
    <definedName name="___VAL11100">#REF!</definedName>
    <definedName name="___VAL11110" localSheetId="2">#REF!</definedName>
    <definedName name="___VAL11110">#REF!</definedName>
    <definedName name="___VAL11115" localSheetId="2">#REF!</definedName>
    <definedName name="___VAL11115">#REF!</definedName>
    <definedName name="___VAL11125" localSheetId="2">#REF!</definedName>
    <definedName name="___VAL11125">#REF!</definedName>
    <definedName name="___VAL11130" localSheetId="2">#REF!</definedName>
    <definedName name="___VAL11130">#REF!</definedName>
    <definedName name="___VAL11135" localSheetId="2">#REF!</definedName>
    <definedName name="___VAL11135">#REF!</definedName>
    <definedName name="___VAL11145" localSheetId="2">#REF!</definedName>
    <definedName name="___VAL11145">#REF!</definedName>
    <definedName name="___VAL11150" localSheetId="2">#REF!</definedName>
    <definedName name="___VAL11150">#REF!</definedName>
    <definedName name="___VAL11165" localSheetId="2">#REF!</definedName>
    <definedName name="___VAL11165">#REF!</definedName>
    <definedName name="___VAL11170" localSheetId="2">#REF!</definedName>
    <definedName name="___VAL11170">#REF!</definedName>
    <definedName name="___VAL11180" localSheetId="2">#REF!</definedName>
    <definedName name="___VAL11180">#REF!</definedName>
    <definedName name="___VAL11185" localSheetId="2">#REF!</definedName>
    <definedName name="___VAL11185">#REF!</definedName>
    <definedName name="___VAL11220" localSheetId="2">#REF!</definedName>
    <definedName name="___VAL11220">#REF!</definedName>
    <definedName name="___VAL12105" localSheetId="2">#REF!</definedName>
    <definedName name="___VAL12105">#REF!</definedName>
    <definedName name="___VAL12555" localSheetId="2">#REF!</definedName>
    <definedName name="___VAL12555">#REF!</definedName>
    <definedName name="___VAL12570" localSheetId="2">#REF!</definedName>
    <definedName name="___VAL12570">#REF!</definedName>
    <definedName name="___VAL12575" localSheetId="2">#REF!</definedName>
    <definedName name="___VAL12575">#REF!</definedName>
    <definedName name="___VAL12580" localSheetId="2">#REF!</definedName>
    <definedName name="___VAL12580">#REF!</definedName>
    <definedName name="___VAL12600" localSheetId="2">#REF!</definedName>
    <definedName name="___VAL12600">#REF!</definedName>
    <definedName name="___VAL12610" localSheetId="2">#REF!</definedName>
    <definedName name="___VAL12610">#REF!</definedName>
    <definedName name="___VAL12630" localSheetId="2">#REF!</definedName>
    <definedName name="___VAL12630">#REF!</definedName>
    <definedName name="___VAL12631" localSheetId="2">#REF!</definedName>
    <definedName name="___VAL12631">#REF!</definedName>
    <definedName name="___VAL12640" localSheetId="2">#REF!</definedName>
    <definedName name="___VAL12640">#REF!</definedName>
    <definedName name="___VAL12645" localSheetId="2">#REF!</definedName>
    <definedName name="___VAL12645">#REF!</definedName>
    <definedName name="___VAL12665" localSheetId="2">#REF!</definedName>
    <definedName name="___VAL12665">#REF!</definedName>
    <definedName name="___VAL12690" localSheetId="2">#REF!</definedName>
    <definedName name="___VAL12690">#REF!</definedName>
    <definedName name="___VAL12700" localSheetId="2">#REF!</definedName>
    <definedName name="___VAL12700">#REF!</definedName>
    <definedName name="___VAL12710" localSheetId="2">#REF!</definedName>
    <definedName name="___VAL12710">#REF!</definedName>
    <definedName name="___VAL13111" localSheetId="2">#REF!</definedName>
    <definedName name="___VAL13111">#REF!</definedName>
    <definedName name="___VAL13112" localSheetId="2">#REF!</definedName>
    <definedName name="___VAL13112">#REF!</definedName>
    <definedName name="___VAL13121" localSheetId="2">#REF!</definedName>
    <definedName name="___VAL13121">#REF!</definedName>
    <definedName name="___VAL13720" localSheetId="2">#REF!</definedName>
    <definedName name="___VAL13720">#REF!</definedName>
    <definedName name="___VAL14100" localSheetId="2">#REF!</definedName>
    <definedName name="___VAL14100">#REF!</definedName>
    <definedName name="___VAL14161" localSheetId="2">#REF!</definedName>
    <definedName name="___VAL14161">#REF!</definedName>
    <definedName name="___VAL14195" localSheetId="2">#REF!</definedName>
    <definedName name="___VAL14195">#REF!</definedName>
    <definedName name="___VAL14205" localSheetId="2">#REF!</definedName>
    <definedName name="___VAL14205">#REF!</definedName>
    <definedName name="___VAL14260" localSheetId="2">#REF!</definedName>
    <definedName name="___VAL14260">#REF!</definedName>
    <definedName name="___VAL14500" localSheetId="2">#REF!</definedName>
    <definedName name="___VAL14500">#REF!</definedName>
    <definedName name="___VAL14515" localSheetId="2">#REF!</definedName>
    <definedName name="___VAL14515">#REF!</definedName>
    <definedName name="___VAL14555" localSheetId="2">#REF!</definedName>
    <definedName name="___VAL14555">#REF!</definedName>
    <definedName name="___VAL14565" localSheetId="2">#REF!</definedName>
    <definedName name="___VAL14565">#REF!</definedName>
    <definedName name="___VAL15135" localSheetId="2">#REF!</definedName>
    <definedName name="___VAL15135">#REF!</definedName>
    <definedName name="___VAL15140" localSheetId="2">#REF!</definedName>
    <definedName name="___VAL15140">#REF!</definedName>
    <definedName name="___VAL15195" localSheetId="2">#REF!</definedName>
    <definedName name="___VAL15195">#REF!</definedName>
    <definedName name="___VAL15225" localSheetId="2">#REF!</definedName>
    <definedName name="___VAL15225">#REF!</definedName>
    <definedName name="___VAL15230" localSheetId="2">#REF!</definedName>
    <definedName name="___VAL15230">#REF!</definedName>
    <definedName name="___VAL15515" localSheetId="2">#REF!</definedName>
    <definedName name="___VAL15515">#REF!</definedName>
    <definedName name="___VAL15560" localSheetId="2">#REF!</definedName>
    <definedName name="___VAL15560">#REF!</definedName>
    <definedName name="___VAL15565" localSheetId="2">#REF!</definedName>
    <definedName name="___VAL15565">#REF!</definedName>
    <definedName name="___VAL15570" localSheetId="2">#REF!</definedName>
    <definedName name="___VAL15570">#REF!</definedName>
    <definedName name="___VAL15575" localSheetId="2">#REF!</definedName>
    <definedName name="___VAL15575">#REF!</definedName>
    <definedName name="___VAL15583" localSheetId="2">#REF!</definedName>
    <definedName name="___VAL15583">#REF!</definedName>
    <definedName name="___VAL15590" localSheetId="2">#REF!</definedName>
    <definedName name="___VAL15590">#REF!</definedName>
    <definedName name="___VAL15591" localSheetId="2">#REF!</definedName>
    <definedName name="___VAL15591">#REF!</definedName>
    <definedName name="___VAL15610" localSheetId="2">#REF!</definedName>
    <definedName name="___VAL15610">#REF!</definedName>
    <definedName name="___VAL15625" localSheetId="2">#REF!</definedName>
    <definedName name="___VAL15625">#REF!</definedName>
    <definedName name="___VAL15635" localSheetId="2">#REF!</definedName>
    <definedName name="___VAL15635">#REF!</definedName>
    <definedName name="___VAL15655" localSheetId="2">#REF!</definedName>
    <definedName name="___VAL15655">#REF!</definedName>
    <definedName name="___VAL15665" localSheetId="2">#REF!</definedName>
    <definedName name="___VAL15665">#REF!</definedName>
    <definedName name="___VAL16515" localSheetId="2">#REF!</definedName>
    <definedName name="___VAL16515">#REF!</definedName>
    <definedName name="___VAL16535" localSheetId="2">#REF!</definedName>
    <definedName name="___VAL16535">#REF!</definedName>
    <definedName name="___VAL17140" localSheetId="2">#REF!</definedName>
    <definedName name="___VAL17140">#REF!</definedName>
    <definedName name="___VAL19500" localSheetId="2">#REF!</definedName>
    <definedName name="___VAL19500">#REF!</definedName>
    <definedName name="___VAL19501" localSheetId="2">#REF!</definedName>
    <definedName name="___VAL19501">#REF!</definedName>
    <definedName name="___VAL19502" localSheetId="2">#REF!</definedName>
    <definedName name="___VAL19502">#REF!</definedName>
    <definedName name="___VAL19503" localSheetId="2">#REF!</definedName>
    <definedName name="___VAL19503">#REF!</definedName>
    <definedName name="___VAL19504" localSheetId="2">#REF!</definedName>
    <definedName name="___VAL19504">#REF!</definedName>
    <definedName name="___VAL19505" localSheetId="2">#REF!</definedName>
    <definedName name="___VAL19505">#REF!</definedName>
    <definedName name="___VAL20100" localSheetId="2">#REF!</definedName>
    <definedName name="___VAL20100">#REF!</definedName>
    <definedName name="___VAL20105" localSheetId="2">#REF!</definedName>
    <definedName name="___VAL20105">#REF!</definedName>
    <definedName name="___VAL20110" localSheetId="2">#REF!</definedName>
    <definedName name="___VAL20110">#REF!</definedName>
    <definedName name="___VAL20115" localSheetId="2">#REF!</definedName>
    <definedName name="___VAL20115">#REF!</definedName>
    <definedName name="___VAL20130" localSheetId="2">#REF!</definedName>
    <definedName name="___VAL20130">#REF!</definedName>
    <definedName name="___VAL20135" localSheetId="2">#REF!</definedName>
    <definedName name="___VAL20135">#REF!</definedName>
    <definedName name="___VAL20140" localSheetId="2">#REF!</definedName>
    <definedName name="___VAL20140">#REF!</definedName>
    <definedName name="___VAL20145" localSheetId="2">#REF!</definedName>
    <definedName name="___VAL20145">#REF!</definedName>
    <definedName name="___VAL20150" localSheetId="2">#REF!</definedName>
    <definedName name="___VAL20150">#REF!</definedName>
    <definedName name="___VAL20155" localSheetId="2">#REF!</definedName>
    <definedName name="___VAL20155">#REF!</definedName>
    <definedName name="___VAL20175" localSheetId="2">#REF!</definedName>
    <definedName name="___VAL20175">#REF!</definedName>
    <definedName name="___VAL20185" localSheetId="2">#REF!</definedName>
    <definedName name="___VAL20185">#REF!</definedName>
    <definedName name="___VAL20190" localSheetId="2">#REF!</definedName>
    <definedName name="___VAL20190">#REF!</definedName>
    <definedName name="___VAL20195" localSheetId="2">#REF!</definedName>
    <definedName name="___VAL20195">#REF!</definedName>
    <definedName name="___VAL20210" localSheetId="2">#REF!</definedName>
    <definedName name="___VAL20210">#REF!</definedName>
    <definedName name="__A1" localSheetId="2">#REF!</definedName>
    <definedName name="__A1">#REF!</definedName>
    <definedName name="__cab1" localSheetId="2">#REF!</definedName>
    <definedName name="__cab1">#REF!</definedName>
    <definedName name="__COM010201" localSheetId="2">#REF!</definedName>
    <definedName name="__COM010201">#REF!</definedName>
    <definedName name="__COM010202" localSheetId="2">#REF!</definedName>
    <definedName name="__COM010202">#REF!</definedName>
    <definedName name="__COM010205" localSheetId="2">#REF!</definedName>
    <definedName name="__COM010205">#REF!</definedName>
    <definedName name="__COM010206" localSheetId="2">#REF!</definedName>
    <definedName name="__COM010206">#REF!</definedName>
    <definedName name="__COM010210" localSheetId="2">#REF!</definedName>
    <definedName name="__COM010210">#REF!</definedName>
    <definedName name="__COM010301" localSheetId="2">#REF!</definedName>
    <definedName name="__COM010301">#REF!</definedName>
    <definedName name="__COM010401" localSheetId="2">#REF!</definedName>
    <definedName name="__COM010401">#REF!</definedName>
    <definedName name="__COM010402" localSheetId="2">#REF!</definedName>
    <definedName name="__COM010402">#REF!</definedName>
    <definedName name="__COM010407" localSheetId="2">#REF!</definedName>
    <definedName name="__COM010407">#REF!</definedName>
    <definedName name="__COM010413" localSheetId="2">#REF!</definedName>
    <definedName name="__COM010413">#REF!</definedName>
    <definedName name="__COM010501" localSheetId="2">#REF!</definedName>
    <definedName name="__COM010501">#REF!</definedName>
    <definedName name="__COM010503" localSheetId="2">#REF!</definedName>
    <definedName name="__COM010503">#REF!</definedName>
    <definedName name="__COM010505" localSheetId="2">#REF!</definedName>
    <definedName name="__COM010505">#REF!</definedName>
    <definedName name="__COM010509" localSheetId="2">#REF!</definedName>
    <definedName name="__COM010509">#REF!</definedName>
    <definedName name="__COM010512" localSheetId="2">#REF!</definedName>
    <definedName name="__COM010512">#REF!</definedName>
    <definedName name="__COM010518" localSheetId="2">#REF!</definedName>
    <definedName name="__COM010518">#REF!</definedName>
    <definedName name="__COM010519" localSheetId="2">#REF!</definedName>
    <definedName name="__COM010519">#REF!</definedName>
    <definedName name="__COM010521" localSheetId="2">#REF!</definedName>
    <definedName name="__COM010521">#REF!</definedName>
    <definedName name="__COM010523" localSheetId="2">#REF!</definedName>
    <definedName name="__COM010523">#REF!</definedName>
    <definedName name="__COM010532" localSheetId="2">#REF!</definedName>
    <definedName name="__COM010532">#REF!</definedName>
    <definedName name="__COM010533" localSheetId="2">#REF!</definedName>
    <definedName name="__COM010533">#REF!</definedName>
    <definedName name="__COM010536" localSheetId="2">#REF!</definedName>
    <definedName name="__COM010536">#REF!</definedName>
    <definedName name="__COM010701" localSheetId="2">#REF!</definedName>
    <definedName name="__COM010701">#REF!</definedName>
    <definedName name="__COM010703" localSheetId="2">#REF!</definedName>
    <definedName name="__COM010703">#REF!</definedName>
    <definedName name="__COM010705" localSheetId="2">#REF!</definedName>
    <definedName name="__COM010705">#REF!</definedName>
    <definedName name="__COM010708" localSheetId="2">#REF!</definedName>
    <definedName name="__COM010708">#REF!</definedName>
    <definedName name="__COM010710" localSheetId="2">#REF!</definedName>
    <definedName name="__COM010710">#REF!</definedName>
    <definedName name="__COM010712" localSheetId="2">#REF!</definedName>
    <definedName name="__COM010712">#REF!</definedName>
    <definedName name="__COM010717" localSheetId="2">#REF!</definedName>
    <definedName name="__COM010717">#REF!</definedName>
    <definedName name="__COM010718" localSheetId="2">#REF!</definedName>
    <definedName name="__COM010718">#REF!</definedName>
    <definedName name="__COM020201" localSheetId="2">#REF!</definedName>
    <definedName name="__COM020201">#REF!</definedName>
    <definedName name="__COM020205" localSheetId="2">#REF!</definedName>
    <definedName name="__COM020205">#REF!</definedName>
    <definedName name="__COM020211" localSheetId="2">#REF!</definedName>
    <definedName name="__COM020211">#REF!</definedName>
    <definedName name="__COM020217" localSheetId="2">#REF!</definedName>
    <definedName name="__COM020217">#REF!</definedName>
    <definedName name="__COM030102" localSheetId="2">#REF!</definedName>
    <definedName name="__COM030102">#REF!</definedName>
    <definedName name="__COM030201" localSheetId="2">#REF!</definedName>
    <definedName name="__COM030201">#REF!</definedName>
    <definedName name="__COM030303" localSheetId="2">#REF!</definedName>
    <definedName name="__COM030303">#REF!</definedName>
    <definedName name="__COM030317" localSheetId="2">#REF!</definedName>
    <definedName name="__COM030317">#REF!</definedName>
    <definedName name="__COM040101" localSheetId="2">#REF!</definedName>
    <definedName name="__COM040101">#REF!</definedName>
    <definedName name="__COM040202" localSheetId="2">#REF!</definedName>
    <definedName name="__COM040202">#REF!</definedName>
    <definedName name="__COM050103" localSheetId="2">#REF!</definedName>
    <definedName name="__COM050103">#REF!</definedName>
    <definedName name="__COM050207" localSheetId="2">#REF!</definedName>
    <definedName name="__COM050207">#REF!</definedName>
    <definedName name="__COM060101" localSheetId="2">#REF!</definedName>
    <definedName name="__COM060101">#REF!</definedName>
    <definedName name="__COM080101" localSheetId="2">#REF!</definedName>
    <definedName name="__COM080101">#REF!</definedName>
    <definedName name="__COM080310" localSheetId="2">#REF!</definedName>
    <definedName name="__COM080310">#REF!</definedName>
    <definedName name="__COM090101" localSheetId="2">#REF!</definedName>
    <definedName name="__COM090101">#REF!</definedName>
    <definedName name="__COM100302" localSheetId="2">#REF!</definedName>
    <definedName name="__COM100302">#REF!</definedName>
    <definedName name="__COM110101" localSheetId="2">#REF!</definedName>
    <definedName name="__COM110101">#REF!</definedName>
    <definedName name="__COM110104" localSheetId="2">#REF!</definedName>
    <definedName name="__COM110104">#REF!</definedName>
    <definedName name="__COM110107" localSheetId="2">#REF!</definedName>
    <definedName name="__COM110107">#REF!</definedName>
    <definedName name="__COM120101" localSheetId="2">#REF!</definedName>
    <definedName name="__COM120101">#REF!</definedName>
    <definedName name="__COM120105" localSheetId="2">#REF!</definedName>
    <definedName name="__COM120105">#REF!</definedName>
    <definedName name="__COM120106" localSheetId="2">#REF!</definedName>
    <definedName name="__COM120106">#REF!</definedName>
    <definedName name="__COM120107" localSheetId="2">#REF!</definedName>
    <definedName name="__COM120107">#REF!</definedName>
    <definedName name="__COM120110" localSheetId="2">#REF!</definedName>
    <definedName name="__COM120110">#REF!</definedName>
    <definedName name="__COM120150" localSheetId="2">#REF!</definedName>
    <definedName name="__COM120150">#REF!</definedName>
    <definedName name="__COM130101" localSheetId="2">#REF!</definedName>
    <definedName name="__COM130101">#REF!</definedName>
    <definedName name="__COM130103" localSheetId="2">#REF!</definedName>
    <definedName name="__COM130103">#REF!</definedName>
    <definedName name="__COM130304" localSheetId="2">#REF!</definedName>
    <definedName name="__COM130304">#REF!</definedName>
    <definedName name="__COM130401" localSheetId="2">#REF!</definedName>
    <definedName name="__COM130401">#REF!</definedName>
    <definedName name="__COM140102" localSheetId="2">#REF!</definedName>
    <definedName name="__COM140102">#REF!</definedName>
    <definedName name="__COM140109" localSheetId="2">#REF!</definedName>
    <definedName name="__COM140109">#REF!</definedName>
    <definedName name="__COM140113" localSheetId="2">#REF!</definedName>
    <definedName name="__COM140113">#REF!</definedName>
    <definedName name="__COM140122" localSheetId="2">#REF!</definedName>
    <definedName name="__COM140122">#REF!</definedName>
    <definedName name="__COM140126" localSheetId="2">#REF!</definedName>
    <definedName name="__COM140126">#REF!</definedName>
    <definedName name="__COM140129" localSheetId="2">#REF!</definedName>
    <definedName name="__COM140129">#REF!</definedName>
    <definedName name="__COM140135" localSheetId="2">#REF!</definedName>
    <definedName name="__COM140135">#REF!</definedName>
    <definedName name="__COM140143" localSheetId="2">#REF!</definedName>
    <definedName name="__COM140143">#REF!</definedName>
    <definedName name="__COM140145" localSheetId="2">#REF!</definedName>
    <definedName name="__COM140145">#REF!</definedName>
    <definedName name="__COM150130" localSheetId="2">#REF!</definedName>
    <definedName name="__COM150130">#REF!</definedName>
    <definedName name="__COM170101" localSheetId="2">#REF!</definedName>
    <definedName name="__COM170101">#REF!</definedName>
    <definedName name="__COM170102" localSheetId="2">#REF!</definedName>
    <definedName name="__COM170102">#REF!</definedName>
    <definedName name="__COM170103" localSheetId="2">#REF!</definedName>
    <definedName name="__COM170103">#REF!</definedName>
    <definedName name="__GLB2">#N/A</definedName>
    <definedName name="__GLB2_10">#N/A</definedName>
    <definedName name="__GLB2_11">#N/A</definedName>
    <definedName name="__GLB2_12">#N/A</definedName>
    <definedName name="__GLB2_13">#N/A</definedName>
    <definedName name="__GLB2_14">#N/A</definedName>
    <definedName name="__GLB2_15">#N/A</definedName>
    <definedName name="__GLB2_16">#N/A</definedName>
    <definedName name="__GLB2_17">#N/A</definedName>
    <definedName name="__GLB2_18">#N/A</definedName>
    <definedName name="__GLB2_19">#N/A</definedName>
    <definedName name="__GLB2_2">#N/A</definedName>
    <definedName name="__GLB2_20">#N/A</definedName>
    <definedName name="__GLB2_21">#N/A</definedName>
    <definedName name="__GLB2_22">#N/A</definedName>
    <definedName name="__GLB2_23">#N/A</definedName>
    <definedName name="__GLB2_24">#N/A</definedName>
    <definedName name="__GLB2_25">#N/A</definedName>
    <definedName name="__GLB2_26">#N/A</definedName>
    <definedName name="__GLB2_27">#N/A</definedName>
    <definedName name="__GLB2_28">#N/A</definedName>
    <definedName name="__GLB2_29">#N/A</definedName>
    <definedName name="__GLB2_30">#N/A</definedName>
    <definedName name="__GLB2_31">#N/A</definedName>
    <definedName name="__GLB2_32">#N/A</definedName>
    <definedName name="__GLB2_33">#N/A</definedName>
    <definedName name="__GLB2_34">#N/A</definedName>
    <definedName name="__GLB2_35">#N/A</definedName>
    <definedName name="__GLB2_36">#N/A</definedName>
    <definedName name="__GLB2_37">#N/A</definedName>
    <definedName name="__GLB2_38">#N/A</definedName>
    <definedName name="__GLB2_39">#N/A</definedName>
    <definedName name="__GLB2_40">#N/A</definedName>
    <definedName name="__GLB2_41">#N/A</definedName>
    <definedName name="__GLB2_42">#N/A</definedName>
    <definedName name="__GLB2_43">#N/A</definedName>
    <definedName name="__GLB2_44">#N/A</definedName>
    <definedName name="__GLB2_45">#N/A</definedName>
    <definedName name="__GLB2_46">#N/A</definedName>
    <definedName name="__GLB2_47">#N/A</definedName>
    <definedName name="__GLB2_48">#N/A</definedName>
    <definedName name="__GLB2_49">#N/A</definedName>
    <definedName name="__GLB2_5">#N/A</definedName>
    <definedName name="__GLB2_50">#N/A</definedName>
    <definedName name="__GLB2_51">#N/A</definedName>
    <definedName name="__GLB2_52">#N/A</definedName>
    <definedName name="__GLB2_53">#N/A</definedName>
    <definedName name="__GLB2_54">#N/A</definedName>
    <definedName name="__GLB2_55">#N/A</definedName>
    <definedName name="__GLB2_56">#N/A</definedName>
    <definedName name="__GLB2_57">#N/A</definedName>
    <definedName name="__GLB2_58">#N/A</definedName>
    <definedName name="__GLB2_6">#N/A</definedName>
    <definedName name="__GLB2_60">#N/A</definedName>
    <definedName name="__GLB2_61">#N/A</definedName>
    <definedName name="__GLB2_62">#N/A</definedName>
    <definedName name="__GLB2_63">#N/A</definedName>
    <definedName name="__GLB2_64">#N/A</definedName>
    <definedName name="__GLB2_65">#N/A</definedName>
    <definedName name="__GLB2_66">#N/A</definedName>
    <definedName name="__GLB2_67">#N/A</definedName>
    <definedName name="__GLB2_68">#N/A</definedName>
    <definedName name="__GLB2_69">#N/A</definedName>
    <definedName name="__GLB2_7">#N/A</definedName>
    <definedName name="__GLB2_70">#N/A</definedName>
    <definedName name="__GLB2_71">#N/A</definedName>
    <definedName name="__GLB2_72">#N/A</definedName>
    <definedName name="__GLB2_73">#N/A</definedName>
    <definedName name="__GLB2_74">#N/A</definedName>
    <definedName name="__GLB2_75">#N/A</definedName>
    <definedName name="__GLB2_76">#N/A</definedName>
    <definedName name="__GLB2_77">#N/A</definedName>
    <definedName name="__GLB2_78">#N/A</definedName>
    <definedName name="__GLB2_79">#N/A</definedName>
    <definedName name="__GLB2_8">#N/A</definedName>
    <definedName name="__GLB2_80">#N/A</definedName>
    <definedName name="__GLB2_81">#N/A</definedName>
    <definedName name="__GLB2_82">#N/A</definedName>
    <definedName name="__GLB2_83">#N/A</definedName>
    <definedName name="__GLB2_84">#N/A</definedName>
    <definedName name="__GLB2_85">#N/A</definedName>
    <definedName name="__GLB2_86">#N/A</definedName>
    <definedName name="__GLB2_87">#N/A</definedName>
    <definedName name="__GLB2_88">#N/A</definedName>
    <definedName name="__GLB2_9">#N/A</definedName>
    <definedName name="__GLB2_92">#N/A</definedName>
    <definedName name="__GLB2_95">#N/A</definedName>
    <definedName name="__GLB2_96">#N/A</definedName>
    <definedName name="__GLB2_97">#N/A</definedName>
    <definedName name="__GLB2_98">#N/A</definedName>
    <definedName name="__GLB3">#N/A</definedName>
    <definedName name="__GLB3_10">#N/A</definedName>
    <definedName name="__GLB3_11">#N/A</definedName>
    <definedName name="__GLB3_12">#N/A</definedName>
    <definedName name="__GLB3_13">#N/A</definedName>
    <definedName name="__GLB3_14">#N/A</definedName>
    <definedName name="__GLB3_15">#N/A</definedName>
    <definedName name="__GLB3_25">#N/A</definedName>
    <definedName name="__GLB3_26">#N/A</definedName>
    <definedName name="__GLB3_27">#N/A</definedName>
    <definedName name="__GLB3_28">#N/A</definedName>
    <definedName name="__GLB3_29">#N/A</definedName>
    <definedName name="__GLB3_30">#N/A</definedName>
    <definedName name="__GLB3_31">#N/A</definedName>
    <definedName name="__GLB3_32">#N/A</definedName>
    <definedName name="__GLB3_33">#N/A</definedName>
    <definedName name="__GLB3_34">#N/A</definedName>
    <definedName name="__GLB3_38">#N/A</definedName>
    <definedName name="__GLB3_39">#N/A</definedName>
    <definedName name="__GLB3_40">#N/A</definedName>
    <definedName name="__GLB3_41">#N/A</definedName>
    <definedName name="__GLB3_42">#N/A</definedName>
    <definedName name="__GLB3_43">#N/A</definedName>
    <definedName name="__GLB3_44">#N/A</definedName>
    <definedName name="__GLB3_45">#N/A</definedName>
    <definedName name="__GLB3_46">#N/A</definedName>
    <definedName name="__GLB3_47">#N/A</definedName>
    <definedName name="__GLB3_48">#N/A</definedName>
    <definedName name="__GLB3_49">#N/A</definedName>
    <definedName name="__GLB3_50">#N/A</definedName>
    <definedName name="__GLB3_51">#N/A</definedName>
    <definedName name="__GLB3_52">#N/A</definedName>
    <definedName name="__GLB3_53">#N/A</definedName>
    <definedName name="__GLB3_54">#N/A</definedName>
    <definedName name="__GLB3_55">#N/A</definedName>
    <definedName name="__GLB3_56">#N/A</definedName>
    <definedName name="__GLB3_57">#N/A</definedName>
    <definedName name="__GLB3_58">#N/A</definedName>
    <definedName name="__GLB3_6">#N/A</definedName>
    <definedName name="__GLB3_60">#N/A</definedName>
    <definedName name="__GLB3_61">#N/A</definedName>
    <definedName name="__GLB3_62">#N/A</definedName>
    <definedName name="__GLB3_63">#N/A</definedName>
    <definedName name="__GLB3_64">#N/A</definedName>
    <definedName name="__GLB3_65">#N/A</definedName>
    <definedName name="__GLB3_66">#N/A</definedName>
    <definedName name="__GLB3_7">#N/A</definedName>
    <definedName name="__GLB3_70">#N/A</definedName>
    <definedName name="__GLB3_71">#N/A</definedName>
    <definedName name="__GLB3_72">#N/A</definedName>
    <definedName name="__GLB3_73">#N/A</definedName>
    <definedName name="__GLB3_74">#N/A</definedName>
    <definedName name="__GLB3_75">#N/A</definedName>
    <definedName name="__GLB3_76">#N/A</definedName>
    <definedName name="__GLB3_77">#N/A</definedName>
    <definedName name="__GLB3_78">#N/A</definedName>
    <definedName name="__GLB3_79">#N/A</definedName>
    <definedName name="__GLB3_8">#N/A</definedName>
    <definedName name="__GLB3_80">#N/A</definedName>
    <definedName name="__GLB3_81">#N/A</definedName>
    <definedName name="__GLB3_82">#N/A</definedName>
    <definedName name="__GLB3_85">#N/A</definedName>
    <definedName name="__GLB3_86">#N/A</definedName>
    <definedName name="__GLB3_87">#N/A</definedName>
    <definedName name="__GLB3_88">#N/A</definedName>
    <definedName name="__GLB3_9">#N/A</definedName>
    <definedName name="__i3" localSheetId="2">#REF!</definedName>
    <definedName name="__i3">#REF!</definedName>
    <definedName name="__MAO010201" localSheetId="2">#REF!</definedName>
    <definedName name="__MAO010201">#REF!</definedName>
    <definedName name="__MAO010202" localSheetId="2">#REF!</definedName>
    <definedName name="__MAO010202">#REF!</definedName>
    <definedName name="__MAO010205" localSheetId="2">#REF!</definedName>
    <definedName name="__MAO010205">#REF!</definedName>
    <definedName name="__MAO010206" localSheetId="2">#REF!</definedName>
    <definedName name="__MAO010206">#REF!</definedName>
    <definedName name="__MAO010210" localSheetId="2">#REF!</definedName>
    <definedName name="__MAO010210">#REF!</definedName>
    <definedName name="__MAO010401" localSheetId="2">#REF!</definedName>
    <definedName name="__MAO010401">#REF!</definedName>
    <definedName name="__MAO010402" localSheetId="2">#REF!</definedName>
    <definedName name="__MAO010402">#REF!</definedName>
    <definedName name="__MAO010407" localSheetId="2">#REF!</definedName>
    <definedName name="__MAO010407">#REF!</definedName>
    <definedName name="__MAO010413" localSheetId="2">#REF!</definedName>
    <definedName name="__MAO010413">#REF!</definedName>
    <definedName name="__MAO010501" localSheetId="2">#REF!</definedName>
    <definedName name="__MAO010501">#REF!</definedName>
    <definedName name="__MAO010503" localSheetId="2">#REF!</definedName>
    <definedName name="__MAO010503">#REF!</definedName>
    <definedName name="__MAO010505" localSheetId="2">#REF!</definedName>
    <definedName name="__MAO010505">#REF!</definedName>
    <definedName name="__MAO010509" localSheetId="2">#REF!</definedName>
    <definedName name="__MAO010509">#REF!</definedName>
    <definedName name="__MAO010512" localSheetId="2">#REF!</definedName>
    <definedName name="__MAO010512">#REF!</definedName>
    <definedName name="__MAO010518" localSheetId="2">#REF!</definedName>
    <definedName name="__MAO010518">#REF!</definedName>
    <definedName name="__MAO010519" localSheetId="2">#REF!</definedName>
    <definedName name="__MAO010519">#REF!</definedName>
    <definedName name="__MAO010521" localSheetId="2">#REF!</definedName>
    <definedName name="__MAO010521">#REF!</definedName>
    <definedName name="__MAO010523" localSheetId="2">#REF!</definedName>
    <definedName name="__MAO010523">#REF!</definedName>
    <definedName name="__MAO010532" localSheetId="2">#REF!</definedName>
    <definedName name="__MAO010532">#REF!</definedName>
    <definedName name="__MAO010533" localSheetId="2">#REF!</definedName>
    <definedName name="__MAO010533">#REF!</definedName>
    <definedName name="__MAO010536" localSheetId="2">#REF!</definedName>
    <definedName name="__MAO010536">#REF!</definedName>
    <definedName name="__MAO010701" localSheetId="2">#REF!</definedName>
    <definedName name="__MAO010701">#REF!</definedName>
    <definedName name="__MAO010703" localSheetId="2">#REF!</definedName>
    <definedName name="__MAO010703">#REF!</definedName>
    <definedName name="__MAO010705" localSheetId="2">#REF!</definedName>
    <definedName name="__MAO010705">#REF!</definedName>
    <definedName name="__MAO010708" localSheetId="2">#REF!</definedName>
    <definedName name="__MAO010708">#REF!</definedName>
    <definedName name="__MAO010710" localSheetId="2">#REF!</definedName>
    <definedName name="__MAO010710">#REF!</definedName>
    <definedName name="__MAO010712" localSheetId="2">#REF!</definedName>
    <definedName name="__MAO010712">#REF!</definedName>
    <definedName name="__MAO010717" localSheetId="2">#REF!</definedName>
    <definedName name="__MAO010717">#REF!</definedName>
    <definedName name="__MAO020201" localSheetId="2">#REF!</definedName>
    <definedName name="__MAO020201">#REF!</definedName>
    <definedName name="__MAO020205" localSheetId="2">#REF!</definedName>
    <definedName name="__MAO020205">#REF!</definedName>
    <definedName name="__MAO020211" localSheetId="2">#REF!</definedName>
    <definedName name="__MAO020211">#REF!</definedName>
    <definedName name="__MAO020217" localSheetId="2">#REF!</definedName>
    <definedName name="__MAO020217">#REF!</definedName>
    <definedName name="__MAO030102" localSheetId="2">#REF!</definedName>
    <definedName name="__MAO030102">#REF!</definedName>
    <definedName name="__MAO030201" localSheetId="2">#REF!</definedName>
    <definedName name="__MAO030201">#REF!</definedName>
    <definedName name="__MAO030303" localSheetId="2">#REF!</definedName>
    <definedName name="__MAO030303">#REF!</definedName>
    <definedName name="__MAO030317" localSheetId="2">#REF!</definedName>
    <definedName name="__MAO030317">#REF!</definedName>
    <definedName name="__MAO040101" localSheetId="2">#REF!</definedName>
    <definedName name="__MAO040101">#REF!</definedName>
    <definedName name="__MAO040202" localSheetId="2">#REF!</definedName>
    <definedName name="__MAO040202">#REF!</definedName>
    <definedName name="__MAO050103" localSheetId="2">#REF!</definedName>
    <definedName name="__MAO050103">#REF!</definedName>
    <definedName name="__MAO050207" localSheetId="2">#REF!</definedName>
    <definedName name="__MAO050207">#REF!</definedName>
    <definedName name="__MAO060101" localSheetId="2">#REF!</definedName>
    <definedName name="__MAO060101">#REF!</definedName>
    <definedName name="__MAO080310" localSheetId="2">#REF!</definedName>
    <definedName name="__MAO080310">#REF!</definedName>
    <definedName name="__MAO090101" localSheetId="2">#REF!</definedName>
    <definedName name="__MAO090101">#REF!</definedName>
    <definedName name="__MAO110101" localSheetId="2">#REF!</definedName>
    <definedName name="__MAO110101">#REF!</definedName>
    <definedName name="__MAO110104" localSheetId="2">#REF!</definedName>
    <definedName name="__MAO110104">#REF!</definedName>
    <definedName name="__MAO110107" localSheetId="2">#REF!</definedName>
    <definedName name="__MAO110107">#REF!</definedName>
    <definedName name="__MAO120101" localSheetId="2">#REF!</definedName>
    <definedName name="__MAO120101">#REF!</definedName>
    <definedName name="__MAO120105" localSheetId="2">#REF!</definedName>
    <definedName name="__MAO120105">#REF!</definedName>
    <definedName name="__MAO120106" localSheetId="2">#REF!</definedName>
    <definedName name="__MAO120106">#REF!</definedName>
    <definedName name="__MAO120107" localSheetId="2">#REF!</definedName>
    <definedName name="__MAO120107">#REF!</definedName>
    <definedName name="__MAO120110" localSheetId="2">#REF!</definedName>
    <definedName name="__MAO120110">#REF!</definedName>
    <definedName name="__MAO120150" localSheetId="2">#REF!</definedName>
    <definedName name="__MAO120150">#REF!</definedName>
    <definedName name="__MAO130101" localSheetId="2">#REF!</definedName>
    <definedName name="__MAO130101">#REF!</definedName>
    <definedName name="__MAO130103" localSheetId="2">#REF!</definedName>
    <definedName name="__MAO130103">#REF!</definedName>
    <definedName name="__MAO130304" localSheetId="2">#REF!</definedName>
    <definedName name="__MAO130304">#REF!</definedName>
    <definedName name="__MAO130401" localSheetId="2">#REF!</definedName>
    <definedName name="__MAO130401">#REF!</definedName>
    <definedName name="__MAO140102" localSheetId="2">#REF!</definedName>
    <definedName name="__MAO140102">#REF!</definedName>
    <definedName name="__MAO140109" localSheetId="2">#REF!</definedName>
    <definedName name="__MAO140109">#REF!</definedName>
    <definedName name="__MAO140113" localSheetId="2">#REF!</definedName>
    <definedName name="__MAO140113">#REF!</definedName>
    <definedName name="__MAO140122" localSheetId="2">#REF!</definedName>
    <definedName name="__MAO140122">#REF!</definedName>
    <definedName name="__MAO140126" localSheetId="2">#REF!</definedName>
    <definedName name="__MAO140126">#REF!</definedName>
    <definedName name="__MAO140129" localSheetId="2">#REF!</definedName>
    <definedName name="__MAO140129">#REF!</definedName>
    <definedName name="__MAO140135" localSheetId="2">#REF!</definedName>
    <definedName name="__MAO140135">#REF!</definedName>
    <definedName name="__MAO140143" localSheetId="2">#REF!</definedName>
    <definedName name="__MAO140143">#REF!</definedName>
    <definedName name="__MAO140145" localSheetId="2">#REF!</definedName>
    <definedName name="__MAO140145">#REF!</definedName>
    <definedName name="__MAT010301" localSheetId="2">#REF!</definedName>
    <definedName name="__MAT010301">#REF!</definedName>
    <definedName name="__MAT010401" localSheetId="2">#REF!</definedName>
    <definedName name="__MAT010401">#REF!</definedName>
    <definedName name="__MAT010402" localSheetId="2">#REF!</definedName>
    <definedName name="__MAT010402">#REF!</definedName>
    <definedName name="__MAT010407" localSheetId="2">#REF!</definedName>
    <definedName name="__MAT010407">#REF!</definedName>
    <definedName name="__MAT010413" localSheetId="2">#REF!</definedName>
    <definedName name="__MAT010413">#REF!</definedName>
    <definedName name="__MAT010536" localSheetId="2">#REF!</definedName>
    <definedName name="__MAT010536">#REF!</definedName>
    <definedName name="__MAT010703" localSheetId="2">#REF!</definedName>
    <definedName name="__MAT010703">#REF!</definedName>
    <definedName name="__MAT010708" localSheetId="2">#REF!</definedName>
    <definedName name="__MAT010708">#REF!</definedName>
    <definedName name="__MAT010710" localSheetId="2">#REF!</definedName>
    <definedName name="__MAT010710">#REF!</definedName>
    <definedName name="__MAT010718" localSheetId="2">#REF!</definedName>
    <definedName name="__MAT010718">#REF!</definedName>
    <definedName name="__MAT020201" localSheetId="2">#REF!</definedName>
    <definedName name="__MAT020201">#REF!</definedName>
    <definedName name="__MAT020205" localSheetId="2">#REF!</definedName>
    <definedName name="__MAT020205">#REF!</definedName>
    <definedName name="__MAT020211" localSheetId="2">#REF!</definedName>
    <definedName name="__MAT020211">#REF!</definedName>
    <definedName name="__MAT030102" localSheetId="2">#REF!</definedName>
    <definedName name="__MAT030102">#REF!</definedName>
    <definedName name="__MAT030201" localSheetId="2">#REF!</definedName>
    <definedName name="__MAT030201">#REF!</definedName>
    <definedName name="__MAT030303" localSheetId="2">#REF!</definedName>
    <definedName name="__MAT030303">#REF!</definedName>
    <definedName name="__MAT030317" localSheetId="2">#REF!</definedName>
    <definedName name="__MAT030317">#REF!</definedName>
    <definedName name="__MAT040101" localSheetId="2">#REF!</definedName>
    <definedName name="__MAT040101">#REF!</definedName>
    <definedName name="__MAT040202" localSheetId="2">#REF!</definedName>
    <definedName name="__MAT040202">#REF!</definedName>
    <definedName name="__MAT050103" localSheetId="2">#REF!</definedName>
    <definedName name="__MAT050103">#REF!</definedName>
    <definedName name="__MAT050207" localSheetId="2">#REF!</definedName>
    <definedName name="__MAT050207">#REF!</definedName>
    <definedName name="__MAT060101" localSheetId="2">#REF!</definedName>
    <definedName name="__MAT060101">#REF!</definedName>
    <definedName name="__MAT080101" localSheetId="2">#REF!</definedName>
    <definedName name="__MAT080101">#REF!</definedName>
    <definedName name="__MAT080310" localSheetId="2">#REF!</definedName>
    <definedName name="__MAT080310">#REF!</definedName>
    <definedName name="__MAT090101" localSheetId="2">#REF!</definedName>
    <definedName name="__MAT090101">#REF!</definedName>
    <definedName name="__MAT100302" localSheetId="2">#REF!</definedName>
    <definedName name="__MAT100302">#REF!</definedName>
    <definedName name="__MAT110101" localSheetId="2">#REF!</definedName>
    <definedName name="__MAT110101">#REF!</definedName>
    <definedName name="__MAT110104" localSheetId="2">#REF!</definedName>
    <definedName name="__MAT110104">#REF!</definedName>
    <definedName name="__MAT110107" localSheetId="2">#REF!</definedName>
    <definedName name="__MAT110107">#REF!</definedName>
    <definedName name="__MAT120101" localSheetId="2">#REF!</definedName>
    <definedName name="__MAT120101">#REF!</definedName>
    <definedName name="__MAT120105" localSheetId="2">#REF!</definedName>
    <definedName name="__MAT120105">#REF!</definedName>
    <definedName name="__MAT120106" localSheetId="2">#REF!</definedName>
    <definedName name="__MAT120106">#REF!</definedName>
    <definedName name="__MAT120107" localSheetId="2">#REF!</definedName>
    <definedName name="__MAT120107">#REF!</definedName>
    <definedName name="__MAT120110" localSheetId="2">#REF!</definedName>
    <definedName name="__MAT120110">#REF!</definedName>
    <definedName name="__MAT120150" localSheetId="2">#REF!</definedName>
    <definedName name="__MAT120150">#REF!</definedName>
    <definedName name="__MAT130101" localSheetId="2">#REF!</definedName>
    <definedName name="__MAT130101">#REF!</definedName>
    <definedName name="__MAT130103" localSheetId="2">#REF!</definedName>
    <definedName name="__MAT130103">#REF!</definedName>
    <definedName name="__MAT130304" localSheetId="2">#REF!</definedName>
    <definedName name="__MAT130304">#REF!</definedName>
    <definedName name="__MAT130401" localSheetId="2">#REF!</definedName>
    <definedName name="__MAT130401">#REF!</definedName>
    <definedName name="__MAT140102" localSheetId="2">#REF!</definedName>
    <definedName name="__MAT140102">#REF!</definedName>
    <definedName name="__MAT140109" localSheetId="2">#REF!</definedName>
    <definedName name="__MAT140109">#REF!</definedName>
    <definedName name="__MAT140113" localSheetId="2">#REF!</definedName>
    <definedName name="__MAT140113">#REF!</definedName>
    <definedName name="__MAT140122" localSheetId="2">#REF!</definedName>
    <definedName name="__MAT140122">#REF!</definedName>
    <definedName name="__MAT140126" localSheetId="2">#REF!</definedName>
    <definedName name="__MAT140126">#REF!</definedName>
    <definedName name="__MAT140129" localSheetId="2">#REF!</definedName>
    <definedName name="__MAT140129">#REF!</definedName>
    <definedName name="__MAT140135" localSheetId="2">#REF!</definedName>
    <definedName name="__MAT140135">#REF!</definedName>
    <definedName name="__MAT140143" localSheetId="2">#REF!</definedName>
    <definedName name="__MAT140143">#REF!</definedName>
    <definedName name="__MAT140145" localSheetId="2">#REF!</definedName>
    <definedName name="__MAT140145">#REF!</definedName>
    <definedName name="__MAT150130" localSheetId="2">#REF!</definedName>
    <definedName name="__MAT150130">#REF!</definedName>
    <definedName name="__MAT170101" localSheetId="2">#REF!</definedName>
    <definedName name="__MAT170101">#REF!</definedName>
    <definedName name="__MAT170102" localSheetId="2">#REF!</definedName>
    <definedName name="__MAT170102">#REF!</definedName>
    <definedName name="__MAT170103" localSheetId="2">#REF!</definedName>
    <definedName name="__MAT170103">#REF!</definedName>
    <definedName name="__PRE010201" localSheetId="2">#REF!</definedName>
    <definedName name="__PRE010201">#REF!</definedName>
    <definedName name="__PRE010202" localSheetId="2">#REF!</definedName>
    <definedName name="__PRE010202">#REF!</definedName>
    <definedName name="__PRE010205" localSheetId="2">#REF!</definedName>
    <definedName name="__PRE010205">#REF!</definedName>
    <definedName name="__PRE010206" localSheetId="2">#REF!</definedName>
    <definedName name="__PRE010206">#REF!</definedName>
    <definedName name="__PRE010210" localSheetId="2">#REF!</definedName>
    <definedName name="__PRE010210">#REF!</definedName>
    <definedName name="__PRE010301" localSheetId="2">#REF!</definedName>
    <definedName name="__PRE010301">#REF!</definedName>
    <definedName name="__PRE010401" localSheetId="2">#REF!</definedName>
    <definedName name="__PRE010401">#REF!</definedName>
    <definedName name="__PRE010402" localSheetId="2">#REF!</definedName>
    <definedName name="__PRE010402">#REF!</definedName>
    <definedName name="__PRE010407" localSheetId="2">#REF!</definedName>
    <definedName name="__PRE010407">#REF!</definedName>
    <definedName name="__PRE010413" localSheetId="2">#REF!</definedName>
    <definedName name="__PRE010413">#REF!</definedName>
    <definedName name="__PRE010501" localSheetId="2">#REF!</definedName>
    <definedName name="__PRE010501">#REF!</definedName>
    <definedName name="__PRE010503" localSheetId="2">#REF!</definedName>
    <definedName name="__PRE010503">#REF!</definedName>
    <definedName name="__PRE010505" localSheetId="2">#REF!</definedName>
    <definedName name="__PRE010505">#REF!</definedName>
    <definedName name="__PRE010509" localSheetId="2">#REF!</definedName>
    <definedName name="__PRE010509">#REF!</definedName>
    <definedName name="__PRE010512" localSheetId="2">#REF!</definedName>
    <definedName name="__PRE010512">#REF!</definedName>
    <definedName name="__PRE010518" localSheetId="2">#REF!</definedName>
    <definedName name="__PRE010518">#REF!</definedName>
    <definedName name="__PRE010519" localSheetId="2">#REF!</definedName>
    <definedName name="__PRE010519">#REF!</definedName>
    <definedName name="__PRE010521" localSheetId="2">#REF!</definedName>
    <definedName name="__PRE010521">#REF!</definedName>
    <definedName name="__PRE010523" localSheetId="2">#REF!</definedName>
    <definedName name="__PRE010523">#REF!</definedName>
    <definedName name="__PRE010532" localSheetId="2">#REF!</definedName>
    <definedName name="__PRE010532">#REF!</definedName>
    <definedName name="__PRE010533" localSheetId="2">#REF!</definedName>
    <definedName name="__PRE010533">#REF!</definedName>
    <definedName name="__PRE010536" localSheetId="2">#REF!</definedName>
    <definedName name="__PRE010536">#REF!</definedName>
    <definedName name="__PRE010701" localSheetId="2">#REF!</definedName>
    <definedName name="__PRE010701">#REF!</definedName>
    <definedName name="__PRE010703" localSheetId="2">#REF!</definedName>
    <definedName name="__PRE010703">#REF!</definedName>
    <definedName name="__PRE010705" localSheetId="2">#REF!</definedName>
    <definedName name="__PRE010705">#REF!</definedName>
    <definedName name="__PRE010708" localSheetId="2">#REF!</definedName>
    <definedName name="__PRE010708">#REF!</definedName>
    <definedName name="__PRE010710" localSheetId="2">#REF!</definedName>
    <definedName name="__PRE010710">#REF!</definedName>
    <definedName name="__PRE010712" localSheetId="2">#REF!</definedName>
    <definedName name="__PRE010712">#REF!</definedName>
    <definedName name="__PRE010717" localSheetId="2">#REF!</definedName>
    <definedName name="__PRE010717">#REF!</definedName>
    <definedName name="__PRE010718" localSheetId="2">#REF!</definedName>
    <definedName name="__PRE010718">#REF!</definedName>
    <definedName name="__PRE020201" localSheetId="2">#REF!</definedName>
    <definedName name="__PRE020201">#REF!</definedName>
    <definedName name="__PRE020205" localSheetId="2">#REF!</definedName>
    <definedName name="__PRE020205">#REF!</definedName>
    <definedName name="__PRE020211" localSheetId="2">#REF!</definedName>
    <definedName name="__PRE020211">#REF!</definedName>
    <definedName name="__PRE020217" localSheetId="2">#REF!</definedName>
    <definedName name="__PRE020217">#REF!</definedName>
    <definedName name="__PRE030102" localSheetId="2">#REF!</definedName>
    <definedName name="__PRE030102">#REF!</definedName>
    <definedName name="__PRE030201" localSheetId="2">#REF!</definedName>
    <definedName name="__PRE030201">#REF!</definedName>
    <definedName name="__PRE030303" localSheetId="2">#REF!</definedName>
    <definedName name="__PRE030303">#REF!</definedName>
    <definedName name="__PRE030317" localSheetId="2">#REF!</definedName>
    <definedName name="__PRE030317">#REF!</definedName>
    <definedName name="__PRE040101" localSheetId="2">#REF!</definedName>
    <definedName name="__PRE040101">#REF!</definedName>
    <definedName name="__PRE040202" localSheetId="2">#REF!</definedName>
    <definedName name="__PRE040202">#REF!</definedName>
    <definedName name="__PRE050103" localSheetId="2">#REF!</definedName>
    <definedName name="__PRE050103">#REF!</definedName>
    <definedName name="__PRE050207" localSheetId="2">#REF!</definedName>
    <definedName name="__PRE050207">#REF!</definedName>
    <definedName name="__PRE060101" localSheetId="2">#REF!</definedName>
    <definedName name="__PRE060101">#REF!</definedName>
    <definedName name="__PRE080101" localSheetId="2">#REF!</definedName>
    <definedName name="__PRE080101">#REF!</definedName>
    <definedName name="__PRE080310" localSheetId="2">#REF!</definedName>
    <definedName name="__PRE080310">#REF!</definedName>
    <definedName name="__PRE090101" localSheetId="2">#REF!</definedName>
    <definedName name="__PRE090101">#REF!</definedName>
    <definedName name="__PRE100302" localSheetId="2">#REF!</definedName>
    <definedName name="__PRE100302">#REF!</definedName>
    <definedName name="__PRE110101" localSheetId="2">#REF!</definedName>
    <definedName name="__PRE110101">#REF!</definedName>
    <definedName name="__PRE110104" localSheetId="2">#REF!</definedName>
    <definedName name="__PRE110104">#REF!</definedName>
    <definedName name="__PRE110107" localSheetId="2">#REF!</definedName>
    <definedName name="__PRE110107">#REF!</definedName>
    <definedName name="__PRE120101" localSheetId="2">#REF!</definedName>
    <definedName name="__PRE120101">#REF!</definedName>
    <definedName name="__PRE120105" localSheetId="2">#REF!</definedName>
    <definedName name="__PRE120105">#REF!</definedName>
    <definedName name="__PRE120106" localSheetId="2">#REF!</definedName>
    <definedName name="__PRE120106">#REF!</definedName>
    <definedName name="__PRE120107" localSheetId="2">#REF!</definedName>
    <definedName name="__PRE120107">#REF!</definedName>
    <definedName name="__PRE120110" localSheetId="2">#REF!</definedName>
    <definedName name="__PRE120110">#REF!</definedName>
    <definedName name="__PRE120150" localSheetId="2">#REF!</definedName>
    <definedName name="__PRE120150">#REF!</definedName>
    <definedName name="__PRE130101" localSheetId="2">#REF!</definedName>
    <definedName name="__PRE130101">#REF!</definedName>
    <definedName name="__PRE130103" localSheetId="2">#REF!</definedName>
    <definedName name="__PRE130103">#REF!</definedName>
    <definedName name="__PRE130304" localSheetId="2">#REF!</definedName>
    <definedName name="__PRE130304">#REF!</definedName>
    <definedName name="__PRE130401" localSheetId="2">#REF!</definedName>
    <definedName name="__PRE130401">#REF!</definedName>
    <definedName name="__PRE140102" localSheetId="2">#REF!</definedName>
    <definedName name="__PRE140102">#REF!</definedName>
    <definedName name="__PRE140109" localSheetId="2">#REF!</definedName>
    <definedName name="__PRE140109">#REF!</definedName>
    <definedName name="__PRE140113" localSheetId="2">#REF!</definedName>
    <definedName name="__PRE140113">#REF!</definedName>
    <definedName name="__PRE140122" localSheetId="2">#REF!</definedName>
    <definedName name="__PRE140122">#REF!</definedName>
    <definedName name="__PRE140126" localSheetId="2">#REF!</definedName>
    <definedName name="__PRE140126">#REF!</definedName>
    <definedName name="__PRE140129" localSheetId="2">#REF!</definedName>
    <definedName name="__PRE140129">#REF!</definedName>
    <definedName name="__PRE140135" localSheetId="2">#REF!</definedName>
    <definedName name="__PRE140135">#REF!</definedName>
    <definedName name="__PRE140143" localSheetId="2">#REF!</definedName>
    <definedName name="__PRE140143">#REF!</definedName>
    <definedName name="__PRE140145" localSheetId="2">#REF!</definedName>
    <definedName name="__PRE140145">#REF!</definedName>
    <definedName name="__PRE150130" localSheetId="2">#REF!</definedName>
    <definedName name="__PRE150130">#REF!</definedName>
    <definedName name="__PRE170101" localSheetId="2">#REF!</definedName>
    <definedName name="__PRE170101">#REF!</definedName>
    <definedName name="__PRE170102" localSheetId="2">#REF!</definedName>
    <definedName name="__PRE170102">#REF!</definedName>
    <definedName name="__PRE170103" localSheetId="2">#REF!</definedName>
    <definedName name="__PRE170103">#REF!</definedName>
    <definedName name="__QUA010201" localSheetId="2">#REF!</definedName>
    <definedName name="__QUA010201">#REF!</definedName>
    <definedName name="__QUA010202" localSheetId="2">#REF!</definedName>
    <definedName name="__QUA010202">#REF!</definedName>
    <definedName name="__QUA010205" localSheetId="2">#REF!</definedName>
    <definedName name="__QUA010205">#REF!</definedName>
    <definedName name="__QUA010206" localSheetId="2">#REF!</definedName>
    <definedName name="__QUA010206">#REF!</definedName>
    <definedName name="__QUA010210" localSheetId="2">#REF!</definedName>
    <definedName name="__QUA010210">#REF!</definedName>
    <definedName name="__QUA010301" localSheetId="2">#REF!</definedName>
    <definedName name="__QUA010301">#REF!</definedName>
    <definedName name="__QUA010401" localSheetId="2">#REF!</definedName>
    <definedName name="__QUA010401">#REF!</definedName>
    <definedName name="__QUA010402" localSheetId="2">#REF!</definedName>
    <definedName name="__QUA010402">#REF!</definedName>
    <definedName name="__QUA010407" localSheetId="2">#REF!</definedName>
    <definedName name="__QUA010407">#REF!</definedName>
    <definedName name="__QUA010413" localSheetId="2">#REF!</definedName>
    <definedName name="__QUA010413">#REF!</definedName>
    <definedName name="__QUA010501" localSheetId="2">#REF!</definedName>
    <definedName name="__QUA010501">#REF!</definedName>
    <definedName name="__QUA010503" localSheetId="2">#REF!</definedName>
    <definedName name="__QUA010503">#REF!</definedName>
    <definedName name="__QUA010505" localSheetId="2">#REF!</definedName>
    <definedName name="__QUA010505">#REF!</definedName>
    <definedName name="__QUA010509" localSheetId="2">#REF!</definedName>
    <definedName name="__QUA010509">#REF!</definedName>
    <definedName name="__QUA010512" localSheetId="2">#REF!</definedName>
    <definedName name="__QUA010512">#REF!</definedName>
    <definedName name="__QUA010518" localSheetId="2">#REF!</definedName>
    <definedName name="__QUA010518">#REF!</definedName>
    <definedName name="__QUA010519" localSheetId="2">#REF!</definedName>
    <definedName name="__QUA010519">#REF!</definedName>
    <definedName name="__QUA010521" localSheetId="2">#REF!</definedName>
    <definedName name="__QUA010521">#REF!</definedName>
    <definedName name="__QUA010523" localSheetId="2">#REF!</definedName>
    <definedName name="__QUA010523">#REF!</definedName>
    <definedName name="__QUA010532" localSheetId="2">#REF!</definedName>
    <definedName name="__QUA010532">#REF!</definedName>
    <definedName name="__QUA010533" localSheetId="2">#REF!</definedName>
    <definedName name="__QUA010533">#REF!</definedName>
    <definedName name="__QUA010536" localSheetId="2">#REF!</definedName>
    <definedName name="__QUA010536">#REF!</definedName>
    <definedName name="__QUA010701" localSheetId="2">#REF!</definedName>
    <definedName name="__QUA010701">#REF!</definedName>
    <definedName name="__QUA010703" localSheetId="2">#REF!</definedName>
    <definedName name="__QUA010703">#REF!</definedName>
    <definedName name="__QUA010705" localSheetId="2">#REF!</definedName>
    <definedName name="__QUA010705">#REF!</definedName>
    <definedName name="__QUA010708" localSheetId="2">#REF!</definedName>
    <definedName name="__QUA010708">#REF!</definedName>
    <definedName name="__QUA010710" localSheetId="2">#REF!</definedName>
    <definedName name="__QUA010710">#REF!</definedName>
    <definedName name="__QUA010712" localSheetId="2">#REF!</definedName>
    <definedName name="__QUA010712">#REF!</definedName>
    <definedName name="__QUA010717" localSheetId="2">#REF!</definedName>
    <definedName name="__QUA010717">#REF!</definedName>
    <definedName name="__QUA010718" localSheetId="2">#REF!</definedName>
    <definedName name="__QUA010718">#REF!</definedName>
    <definedName name="__QUA020201" localSheetId="2">#REF!</definedName>
    <definedName name="__QUA020201">#REF!</definedName>
    <definedName name="__QUA020205" localSheetId="2">#REF!</definedName>
    <definedName name="__QUA020205">#REF!</definedName>
    <definedName name="__QUA020211" localSheetId="2">#REF!</definedName>
    <definedName name="__QUA020211">#REF!</definedName>
    <definedName name="__QUA020217" localSheetId="2">#REF!</definedName>
    <definedName name="__QUA020217">#REF!</definedName>
    <definedName name="__QUA030102" localSheetId="2">#REF!</definedName>
    <definedName name="__QUA030102">#REF!</definedName>
    <definedName name="__QUA030201" localSheetId="2">#REF!</definedName>
    <definedName name="__QUA030201">#REF!</definedName>
    <definedName name="__QUA030303" localSheetId="2">#REF!</definedName>
    <definedName name="__QUA030303">#REF!</definedName>
    <definedName name="__QUA030317" localSheetId="2">#REF!</definedName>
    <definedName name="__QUA030317">#REF!</definedName>
    <definedName name="__QUA040101" localSheetId="2">#REF!</definedName>
    <definedName name="__QUA040101">#REF!</definedName>
    <definedName name="__QUA040202" localSheetId="2">#REF!</definedName>
    <definedName name="__QUA040202">#REF!</definedName>
    <definedName name="__QUA050103" localSheetId="2">#REF!</definedName>
    <definedName name="__QUA050103">#REF!</definedName>
    <definedName name="__QUA050207" localSheetId="2">#REF!</definedName>
    <definedName name="__QUA050207">#REF!</definedName>
    <definedName name="__QUA060101" localSheetId="2">#REF!</definedName>
    <definedName name="__QUA060101">#REF!</definedName>
    <definedName name="__QUA080101" localSheetId="2">#REF!</definedName>
    <definedName name="__QUA080101">#REF!</definedName>
    <definedName name="__QUA080310" localSheetId="2">#REF!</definedName>
    <definedName name="__QUA080310">#REF!</definedName>
    <definedName name="__QUA090101" localSheetId="2">#REF!</definedName>
    <definedName name="__QUA090101">#REF!</definedName>
    <definedName name="__QUA100302" localSheetId="2">#REF!</definedName>
    <definedName name="__QUA100302">#REF!</definedName>
    <definedName name="__QUA110101" localSheetId="2">#REF!</definedName>
    <definedName name="__QUA110101">#REF!</definedName>
    <definedName name="__QUA110104" localSheetId="2">#REF!</definedName>
    <definedName name="__QUA110104">#REF!</definedName>
    <definedName name="__QUA110107" localSheetId="2">#REF!</definedName>
    <definedName name="__QUA110107">#REF!</definedName>
    <definedName name="__QUA120101" localSheetId="2">#REF!</definedName>
    <definedName name="__QUA120101">#REF!</definedName>
    <definedName name="__QUA120105" localSheetId="2">#REF!</definedName>
    <definedName name="__QUA120105">#REF!</definedName>
    <definedName name="__QUA120106" localSheetId="2">#REF!</definedName>
    <definedName name="__QUA120106">#REF!</definedName>
    <definedName name="__QUA120107" localSheetId="2">#REF!</definedName>
    <definedName name="__QUA120107">#REF!</definedName>
    <definedName name="__QUA120110" localSheetId="2">#REF!</definedName>
    <definedName name="__QUA120110">#REF!</definedName>
    <definedName name="__QUA120150" localSheetId="2">#REF!</definedName>
    <definedName name="__QUA120150">#REF!</definedName>
    <definedName name="__QUA130101" localSheetId="2">#REF!</definedName>
    <definedName name="__QUA130101">#REF!</definedName>
    <definedName name="__QUA130103" localSheetId="2">#REF!</definedName>
    <definedName name="__QUA130103">#REF!</definedName>
    <definedName name="__QUA130304" localSheetId="2">#REF!</definedName>
    <definedName name="__QUA130304">#REF!</definedName>
    <definedName name="__QUA130401" localSheetId="2">#REF!</definedName>
    <definedName name="__QUA130401">#REF!</definedName>
    <definedName name="__QUA140102" localSheetId="2">#REF!</definedName>
    <definedName name="__QUA140102">#REF!</definedName>
    <definedName name="__QUA140109" localSheetId="2">#REF!</definedName>
    <definedName name="__QUA140109">#REF!</definedName>
    <definedName name="__QUA140113" localSheetId="2">#REF!</definedName>
    <definedName name="__QUA140113">#REF!</definedName>
    <definedName name="__QUA140122" localSheetId="2">#REF!</definedName>
    <definedName name="__QUA140122">#REF!</definedName>
    <definedName name="__QUA140126" localSheetId="2">#REF!</definedName>
    <definedName name="__QUA140126">#REF!</definedName>
    <definedName name="__QUA140129" localSheetId="2">#REF!</definedName>
    <definedName name="__QUA140129">#REF!</definedName>
    <definedName name="__QUA140135" localSheetId="2">#REF!</definedName>
    <definedName name="__QUA140135">#REF!</definedName>
    <definedName name="__QUA140143" localSheetId="2">#REF!</definedName>
    <definedName name="__QUA140143">#REF!</definedName>
    <definedName name="__QUA140145" localSheetId="2">#REF!</definedName>
    <definedName name="__QUA140145">#REF!</definedName>
    <definedName name="__QUA150130" localSheetId="2">#REF!</definedName>
    <definedName name="__QUA150130">#REF!</definedName>
    <definedName name="__QUA170101" localSheetId="2">#REF!</definedName>
    <definedName name="__QUA170101">#REF!</definedName>
    <definedName name="__QUA170102" localSheetId="2">#REF!</definedName>
    <definedName name="__QUA170102">#REF!</definedName>
    <definedName name="__QUA170103" localSheetId="2">#REF!</definedName>
    <definedName name="__QUA170103">#REF!</definedName>
    <definedName name="__R" localSheetId="2">#REF!</definedName>
    <definedName name="__R">#REF!</definedName>
    <definedName name="__REC11100" localSheetId="2">#REF!</definedName>
    <definedName name="__REC11100">#REF!</definedName>
    <definedName name="__REC11110" localSheetId="2">#REF!</definedName>
    <definedName name="__REC11110">#REF!</definedName>
    <definedName name="__REC11115" localSheetId="2">#REF!</definedName>
    <definedName name="__REC11115">#REF!</definedName>
    <definedName name="__REC11125" localSheetId="2">#REF!</definedName>
    <definedName name="__REC11125">#REF!</definedName>
    <definedName name="__REC11130" localSheetId="2">#REF!</definedName>
    <definedName name="__REC11130">#REF!</definedName>
    <definedName name="__REC11135" localSheetId="2">#REF!</definedName>
    <definedName name="__REC11135">#REF!</definedName>
    <definedName name="__REC11145" localSheetId="2">#REF!</definedName>
    <definedName name="__REC11145">#REF!</definedName>
    <definedName name="__REC11150" localSheetId="2">#REF!</definedName>
    <definedName name="__REC11150">#REF!</definedName>
    <definedName name="__REC11165" localSheetId="2">#REF!</definedName>
    <definedName name="__REC11165">#REF!</definedName>
    <definedName name="__REC11170" localSheetId="2">#REF!</definedName>
    <definedName name="__REC11170">#REF!</definedName>
    <definedName name="__REC11180" localSheetId="2">#REF!</definedName>
    <definedName name="__REC11180">#REF!</definedName>
    <definedName name="__REC11185" localSheetId="2">#REF!</definedName>
    <definedName name="__REC11185">#REF!</definedName>
    <definedName name="__REC11220" localSheetId="2">#REF!</definedName>
    <definedName name="__REC11220">#REF!</definedName>
    <definedName name="__REC12105" localSheetId="2">#REF!</definedName>
    <definedName name="__REC12105">#REF!</definedName>
    <definedName name="__REC12555" localSheetId="2">#REF!</definedName>
    <definedName name="__REC12555">#REF!</definedName>
    <definedName name="__REC12570" localSheetId="2">#REF!</definedName>
    <definedName name="__REC12570">#REF!</definedName>
    <definedName name="__REC12575" localSheetId="2">#REF!</definedName>
    <definedName name="__REC12575">#REF!</definedName>
    <definedName name="__REC12580" localSheetId="2">#REF!</definedName>
    <definedName name="__REC12580">#REF!</definedName>
    <definedName name="__REC12600" localSheetId="2">#REF!</definedName>
    <definedName name="__REC12600">#REF!</definedName>
    <definedName name="__REC12610" localSheetId="2">#REF!</definedName>
    <definedName name="__REC12610">#REF!</definedName>
    <definedName name="__REC12630" localSheetId="2">#REF!</definedName>
    <definedName name="__REC12630">#REF!</definedName>
    <definedName name="__REC12631" localSheetId="2">#REF!</definedName>
    <definedName name="__REC12631">#REF!</definedName>
    <definedName name="__REC12640" localSheetId="2">#REF!</definedName>
    <definedName name="__REC12640">#REF!</definedName>
    <definedName name="__REC12645" localSheetId="2">#REF!</definedName>
    <definedName name="__REC12645">#REF!</definedName>
    <definedName name="__REC12665" localSheetId="2">#REF!</definedName>
    <definedName name="__REC12665">#REF!</definedName>
    <definedName name="__REC12690" localSheetId="2">#REF!</definedName>
    <definedName name="__REC12690">#REF!</definedName>
    <definedName name="__REC12700" localSheetId="2">#REF!</definedName>
    <definedName name="__REC12700">#REF!</definedName>
    <definedName name="__REC12710" localSheetId="2">#REF!</definedName>
    <definedName name="__REC12710">#REF!</definedName>
    <definedName name="__REC13111" localSheetId="2">#REF!</definedName>
    <definedName name="__REC13111">#REF!</definedName>
    <definedName name="__REC13112" localSheetId="2">#REF!</definedName>
    <definedName name="__REC13112">#REF!</definedName>
    <definedName name="__REC13121" localSheetId="2">#REF!</definedName>
    <definedName name="__REC13121">#REF!</definedName>
    <definedName name="__REC13720" localSheetId="2">#REF!</definedName>
    <definedName name="__REC13720">#REF!</definedName>
    <definedName name="__REC14100" localSheetId="2">#REF!</definedName>
    <definedName name="__REC14100">#REF!</definedName>
    <definedName name="__REC14161" localSheetId="2">#REF!</definedName>
    <definedName name="__REC14161">#REF!</definedName>
    <definedName name="__REC14195" localSheetId="2">#REF!</definedName>
    <definedName name="__REC14195">#REF!</definedName>
    <definedName name="__REC14205" localSheetId="2">#REF!</definedName>
    <definedName name="__REC14205">#REF!</definedName>
    <definedName name="__REC14260" localSheetId="2">#REF!</definedName>
    <definedName name="__REC14260">#REF!</definedName>
    <definedName name="__REC14500" localSheetId="2">#REF!</definedName>
    <definedName name="__REC14500">#REF!</definedName>
    <definedName name="__REC14515" localSheetId="2">#REF!</definedName>
    <definedName name="__REC14515">#REF!</definedName>
    <definedName name="__REC14555" localSheetId="2">#REF!</definedName>
    <definedName name="__REC14555">#REF!</definedName>
    <definedName name="__REC14565" localSheetId="2">#REF!</definedName>
    <definedName name="__REC14565">#REF!</definedName>
    <definedName name="__REC15135" localSheetId="2">#REF!</definedName>
    <definedName name="__REC15135">#REF!</definedName>
    <definedName name="__REC15140" localSheetId="2">#REF!</definedName>
    <definedName name="__REC15140">#REF!</definedName>
    <definedName name="__REC15195" localSheetId="2">#REF!</definedName>
    <definedName name="__REC15195">#REF!</definedName>
    <definedName name="__REC15225" localSheetId="2">#REF!</definedName>
    <definedName name="__REC15225">#REF!</definedName>
    <definedName name="__REC15230" localSheetId="2">#REF!</definedName>
    <definedName name="__REC15230">#REF!</definedName>
    <definedName name="__REC15515" localSheetId="2">#REF!</definedName>
    <definedName name="__REC15515">#REF!</definedName>
    <definedName name="__REC15560" localSheetId="2">#REF!</definedName>
    <definedName name="__REC15560">#REF!</definedName>
    <definedName name="__REC15565" localSheetId="2">#REF!</definedName>
    <definedName name="__REC15565">#REF!</definedName>
    <definedName name="__REC15570" localSheetId="2">#REF!</definedName>
    <definedName name="__REC15570">#REF!</definedName>
    <definedName name="__REC15575" localSheetId="2">#REF!</definedName>
    <definedName name="__REC15575">#REF!</definedName>
    <definedName name="__REC15583" localSheetId="2">#REF!</definedName>
    <definedName name="__REC15583">#REF!</definedName>
    <definedName name="__REC15590" localSheetId="2">#REF!</definedName>
    <definedName name="__REC15590">#REF!</definedName>
    <definedName name="__REC15591" localSheetId="2">#REF!</definedName>
    <definedName name="__REC15591">#REF!</definedName>
    <definedName name="__REC15610" localSheetId="2">#REF!</definedName>
    <definedName name="__REC15610">#REF!</definedName>
    <definedName name="__REC15625" localSheetId="2">#REF!</definedName>
    <definedName name="__REC15625">#REF!</definedName>
    <definedName name="__REC15635" localSheetId="2">#REF!</definedName>
    <definedName name="__REC15635">#REF!</definedName>
    <definedName name="__REC15655" localSheetId="2">#REF!</definedName>
    <definedName name="__REC15655">#REF!</definedName>
    <definedName name="__REC15665" localSheetId="2">#REF!</definedName>
    <definedName name="__REC15665">#REF!</definedName>
    <definedName name="__REC16515" localSheetId="2">#REF!</definedName>
    <definedName name="__REC16515">#REF!</definedName>
    <definedName name="__REC16535" localSheetId="2">#REF!</definedName>
    <definedName name="__REC16535">#REF!</definedName>
    <definedName name="__REC17140" localSheetId="2">#REF!</definedName>
    <definedName name="__REC17140">#REF!</definedName>
    <definedName name="__REC19500" localSheetId="2">#REF!</definedName>
    <definedName name="__REC19500">#REF!</definedName>
    <definedName name="__REC19501" localSheetId="2">#REF!</definedName>
    <definedName name="__REC19501">#REF!</definedName>
    <definedName name="__REC19502" localSheetId="2">#REF!</definedName>
    <definedName name="__REC19502">#REF!</definedName>
    <definedName name="__REC19503" localSheetId="2">#REF!</definedName>
    <definedName name="__REC19503">#REF!</definedName>
    <definedName name="__REC19504" localSheetId="2">#REF!</definedName>
    <definedName name="__REC19504">#REF!</definedName>
    <definedName name="__REC19505" localSheetId="2">#REF!</definedName>
    <definedName name="__REC19505">#REF!</definedName>
    <definedName name="__REC20100" localSheetId="2">#REF!</definedName>
    <definedName name="__REC20100">#REF!</definedName>
    <definedName name="__REC20105" localSheetId="2">#REF!</definedName>
    <definedName name="__REC20105">#REF!</definedName>
    <definedName name="__REC20110" localSheetId="2">#REF!</definedName>
    <definedName name="__REC20110">#REF!</definedName>
    <definedName name="__REC20115" localSheetId="2">#REF!</definedName>
    <definedName name="__REC20115">#REF!</definedName>
    <definedName name="__REC20130" localSheetId="2">#REF!</definedName>
    <definedName name="__REC20130">#REF!</definedName>
    <definedName name="__REC20135" localSheetId="2">#REF!</definedName>
    <definedName name="__REC20135">#REF!</definedName>
    <definedName name="__REC20140" localSheetId="2">#REF!</definedName>
    <definedName name="__REC20140">#REF!</definedName>
    <definedName name="__REC20145" localSheetId="2">#REF!</definedName>
    <definedName name="__REC20145">#REF!</definedName>
    <definedName name="__REC20150" localSheetId="2">#REF!</definedName>
    <definedName name="__REC20150">#REF!</definedName>
    <definedName name="__REC20155" localSheetId="2">#REF!</definedName>
    <definedName name="__REC20155">#REF!</definedName>
    <definedName name="__REC20175" localSheetId="2">#REF!</definedName>
    <definedName name="__REC20175">#REF!</definedName>
    <definedName name="__REC20185" localSheetId="2">#REF!</definedName>
    <definedName name="__REC20185">#REF!</definedName>
    <definedName name="__REC20190" localSheetId="2">#REF!</definedName>
    <definedName name="__REC20190">#REF!</definedName>
    <definedName name="__REC20195" localSheetId="2">#REF!</definedName>
    <definedName name="__REC20195">#REF!</definedName>
    <definedName name="__REC20210" localSheetId="2">#REF!</definedName>
    <definedName name="__REC20210">#REF!</definedName>
    <definedName name="__RET1">[1]Regula!$J$36</definedName>
    <definedName name="__svi2">#N/A</definedName>
    <definedName name="__svi2_10">#N/A</definedName>
    <definedName name="__svi2_11">#N/A</definedName>
    <definedName name="__svi2_12">#N/A</definedName>
    <definedName name="__svi2_13">#N/A</definedName>
    <definedName name="__svi2_14">#N/A</definedName>
    <definedName name="__svi2_15">#N/A</definedName>
    <definedName name="__svi2_16">#N/A</definedName>
    <definedName name="__svi2_17">#N/A</definedName>
    <definedName name="__svi2_18">#N/A</definedName>
    <definedName name="__svi2_19">#N/A</definedName>
    <definedName name="__svi2_2">#N/A</definedName>
    <definedName name="__svi2_20">#N/A</definedName>
    <definedName name="__svi2_21">#N/A</definedName>
    <definedName name="__svi2_22">#N/A</definedName>
    <definedName name="__svi2_23">#N/A</definedName>
    <definedName name="__svi2_24">#N/A</definedName>
    <definedName name="__svi2_25">#N/A</definedName>
    <definedName name="__svi2_26">#N/A</definedName>
    <definedName name="__svi2_27">#N/A</definedName>
    <definedName name="__svi2_28">#N/A</definedName>
    <definedName name="__svi2_29">#N/A</definedName>
    <definedName name="__svi2_30">#N/A</definedName>
    <definedName name="__svi2_31">#N/A</definedName>
    <definedName name="__svi2_32">#N/A</definedName>
    <definedName name="__svi2_33">#N/A</definedName>
    <definedName name="__svi2_34">#N/A</definedName>
    <definedName name="__svi2_35">#N/A</definedName>
    <definedName name="__svi2_36">#N/A</definedName>
    <definedName name="__svi2_37">#N/A</definedName>
    <definedName name="__svi2_38">#N/A</definedName>
    <definedName name="__svi2_39">#N/A</definedName>
    <definedName name="__svi2_40">#N/A</definedName>
    <definedName name="__svi2_41">#N/A</definedName>
    <definedName name="__svi2_42">#N/A</definedName>
    <definedName name="__svi2_43">#N/A</definedName>
    <definedName name="__svi2_44">#N/A</definedName>
    <definedName name="__svi2_45">#N/A</definedName>
    <definedName name="__svi2_46">#N/A</definedName>
    <definedName name="__svi2_47">#N/A</definedName>
    <definedName name="__svi2_48">#N/A</definedName>
    <definedName name="__svi2_49">#N/A</definedName>
    <definedName name="__svi2_5">#N/A</definedName>
    <definedName name="__svi2_50">#N/A</definedName>
    <definedName name="__svi2_51">#N/A</definedName>
    <definedName name="__svi2_52">#N/A</definedName>
    <definedName name="__svi2_53">#N/A</definedName>
    <definedName name="__svi2_54">#N/A</definedName>
    <definedName name="__svi2_55">#N/A</definedName>
    <definedName name="__svi2_56">#N/A</definedName>
    <definedName name="__svi2_57">#N/A</definedName>
    <definedName name="__svi2_58">#N/A</definedName>
    <definedName name="__svi2_6">#N/A</definedName>
    <definedName name="__svi2_60">#N/A</definedName>
    <definedName name="__svi2_61">#N/A</definedName>
    <definedName name="__svi2_62">#N/A</definedName>
    <definedName name="__svi2_63">#N/A</definedName>
    <definedName name="__svi2_64">#N/A</definedName>
    <definedName name="__svi2_65">#N/A</definedName>
    <definedName name="__svi2_66">#N/A</definedName>
    <definedName name="__svi2_67">#N/A</definedName>
    <definedName name="__svi2_68">#N/A</definedName>
    <definedName name="__svi2_69">#N/A</definedName>
    <definedName name="__svi2_7">#N/A</definedName>
    <definedName name="__svi2_70">#N/A</definedName>
    <definedName name="__svi2_71">#N/A</definedName>
    <definedName name="__svi2_72">#N/A</definedName>
    <definedName name="__svi2_73">#N/A</definedName>
    <definedName name="__svi2_74">#N/A</definedName>
    <definedName name="__svi2_75">#N/A</definedName>
    <definedName name="__svi2_76">#N/A</definedName>
    <definedName name="__svi2_77">#N/A</definedName>
    <definedName name="__svi2_78">#N/A</definedName>
    <definedName name="__svi2_79">#N/A</definedName>
    <definedName name="__svi2_8">#N/A</definedName>
    <definedName name="__svi2_80">#N/A</definedName>
    <definedName name="__svi2_81">#N/A</definedName>
    <definedName name="__svi2_82">#N/A</definedName>
    <definedName name="__svi2_83">#N/A</definedName>
    <definedName name="__svi2_84">#N/A</definedName>
    <definedName name="__svi2_85">#N/A</definedName>
    <definedName name="__svi2_86">#N/A</definedName>
    <definedName name="__svi2_87">#N/A</definedName>
    <definedName name="__svi2_88">#N/A</definedName>
    <definedName name="__svi2_9">#N/A</definedName>
    <definedName name="__svi2_92">#N/A</definedName>
    <definedName name="__svi2_95">#N/A</definedName>
    <definedName name="__svi2_96">#N/A</definedName>
    <definedName name="__svi2_97">#N/A</definedName>
    <definedName name="__svi2_98">#N/A</definedName>
    <definedName name="__TT102" localSheetId="2">'[2]Relatório-1ª med.'!#REF!</definedName>
    <definedName name="__TT102">'[2]Relatório-1ª med.'!#REF!</definedName>
    <definedName name="__TT107" localSheetId="2">'[2]Relatório-1ª med.'!#REF!</definedName>
    <definedName name="__TT107">'[2]Relatório-1ª med.'!#REF!</definedName>
    <definedName name="__TT121" localSheetId="2">'[2]Relatório-1ª med.'!#REF!</definedName>
    <definedName name="__TT121">'[2]Relatório-1ª med.'!#REF!</definedName>
    <definedName name="__TT123" localSheetId="2">'[2]Relatório-1ª med.'!#REF!</definedName>
    <definedName name="__TT123">'[2]Relatório-1ª med.'!#REF!</definedName>
    <definedName name="__TT19" localSheetId="2">'[2]Relatório-1ª med.'!#REF!</definedName>
    <definedName name="__TT19">'[2]Relatório-1ª med.'!#REF!</definedName>
    <definedName name="__TT20" localSheetId="2">'[2]Relatório-1ª med.'!#REF!</definedName>
    <definedName name="__TT20">'[2]Relatório-1ª med.'!#REF!</definedName>
    <definedName name="__TT21" localSheetId="2">'[2]Relatório-1ª med.'!#REF!</definedName>
    <definedName name="__TT21">'[2]Relatório-1ª med.'!#REF!</definedName>
    <definedName name="__TT22" localSheetId="2">'[2]Relatório-1ª med.'!#REF!</definedName>
    <definedName name="__TT22">'[2]Relatório-1ª med.'!#REF!</definedName>
    <definedName name="__TT26" localSheetId="2">'[2]Relatório-1ª med.'!#REF!</definedName>
    <definedName name="__TT26">'[2]Relatório-1ª med.'!#REF!</definedName>
    <definedName name="__TT27" localSheetId="2">'[2]Relatório-1ª med.'!#REF!</definedName>
    <definedName name="__TT27">'[2]Relatório-1ª med.'!#REF!</definedName>
    <definedName name="__TT28" localSheetId="2">'[2]Relatório-1ª med.'!#REF!</definedName>
    <definedName name="__TT28">'[2]Relatório-1ª med.'!#REF!</definedName>
    <definedName name="__TT30" localSheetId="2">'[2]Relatório-1ª med.'!#REF!</definedName>
    <definedName name="__TT30">'[2]Relatório-1ª med.'!#REF!</definedName>
    <definedName name="__TT31" localSheetId="2">'[2]Relatório-1ª med.'!#REF!</definedName>
    <definedName name="__TT31">'[2]Relatório-1ª med.'!#REF!</definedName>
    <definedName name="__TT32" localSheetId="2">'[2]Relatório-1ª med.'!#REF!</definedName>
    <definedName name="__TT32">'[2]Relatório-1ª med.'!#REF!</definedName>
    <definedName name="__TT33" localSheetId="2">'[2]Relatório-1ª med.'!#REF!</definedName>
    <definedName name="__TT33">'[2]Relatório-1ª med.'!#REF!</definedName>
    <definedName name="__TT34" localSheetId="2">'[2]Relatório-1ª med.'!#REF!</definedName>
    <definedName name="__TT34">'[2]Relatório-1ª med.'!#REF!</definedName>
    <definedName name="__TT36" localSheetId="2">'[2]Relatório-1ª med.'!#REF!</definedName>
    <definedName name="__TT36">'[2]Relatório-1ª med.'!#REF!</definedName>
    <definedName name="__TT37" localSheetId="2">'[2]Relatório-1ª med.'!#REF!</definedName>
    <definedName name="__TT37">'[2]Relatório-1ª med.'!#REF!</definedName>
    <definedName name="__TT38" localSheetId="2">'[2]Relatório-1ª med.'!#REF!</definedName>
    <definedName name="__TT38">'[2]Relatório-1ª med.'!#REF!</definedName>
    <definedName name="__TT39" localSheetId="2">'[2]Relatório-1ª med.'!#REF!</definedName>
    <definedName name="__TT39">'[2]Relatório-1ª med.'!#REF!</definedName>
    <definedName name="__TT40" localSheetId="2">'[2]Relatório-1ª med.'!#REF!</definedName>
    <definedName name="__TT40">'[2]Relatório-1ª med.'!#REF!</definedName>
    <definedName name="__TT5" localSheetId="2">'[2]Relatório-1ª med.'!#REF!</definedName>
    <definedName name="__TT5">'[2]Relatório-1ª med.'!#REF!</definedName>
    <definedName name="__TT52" localSheetId="2">'[2]Relatório-1ª med.'!#REF!</definedName>
    <definedName name="__TT52">'[2]Relatório-1ª med.'!#REF!</definedName>
    <definedName name="__TT53" localSheetId="2">'[2]Relatório-1ª med.'!#REF!</definedName>
    <definedName name="__TT53">'[2]Relatório-1ª med.'!#REF!</definedName>
    <definedName name="__TT54" localSheetId="2">'[2]Relatório-1ª med.'!#REF!</definedName>
    <definedName name="__TT54">'[2]Relatório-1ª med.'!#REF!</definedName>
    <definedName name="__TT55" localSheetId="2">'[2]Relatório-1ª med.'!#REF!</definedName>
    <definedName name="__TT55">'[2]Relatório-1ª med.'!#REF!</definedName>
    <definedName name="__TT6" localSheetId="2">'[2]Relatório-1ª med.'!#REF!</definedName>
    <definedName name="__TT6">'[2]Relatório-1ª med.'!#REF!</definedName>
    <definedName name="__TT60" localSheetId="2">'[2]Relatório-1ª med.'!#REF!</definedName>
    <definedName name="__TT60">'[2]Relatório-1ª med.'!#REF!</definedName>
    <definedName name="__TT61" localSheetId="2">'[2]Relatório-1ª med.'!#REF!</definedName>
    <definedName name="__TT61">'[2]Relatório-1ª med.'!#REF!</definedName>
    <definedName name="__TT69" localSheetId="2">'[2]Relatório-1ª med.'!#REF!</definedName>
    <definedName name="__TT69">'[2]Relatório-1ª med.'!#REF!</definedName>
    <definedName name="__TT7" localSheetId="2">'[2]Relatório-1ª med.'!#REF!</definedName>
    <definedName name="__TT7">'[2]Relatório-1ª med.'!#REF!</definedName>
    <definedName name="__TT70" localSheetId="2">'[2]Relatório-1ª med.'!#REF!</definedName>
    <definedName name="__TT70">'[2]Relatório-1ª med.'!#REF!</definedName>
    <definedName name="__TT71" localSheetId="2">'[2]Relatório-1ª med.'!#REF!</definedName>
    <definedName name="__TT71">'[2]Relatório-1ª med.'!#REF!</definedName>
    <definedName name="__TT74" localSheetId="2">'[2]Relatório-1ª med.'!#REF!</definedName>
    <definedName name="__TT74">'[2]Relatório-1ª med.'!#REF!</definedName>
    <definedName name="__TT75" localSheetId="2">'[2]Relatório-1ª med.'!#REF!</definedName>
    <definedName name="__TT75">'[2]Relatório-1ª med.'!#REF!</definedName>
    <definedName name="__TT76" localSheetId="2">'[2]Relatório-1ª med.'!#REF!</definedName>
    <definedName name="__TT76">'[2]Relatório-1ª med.'!#REF!</definedName>
    <definedName name="__TT77" localSheetId="2">'[2]Relatório-1ª med.'!#REF!</definedName>
    <definedName name="__TT77">'[2]Relatório-1ª med.'!#REF!</definedName>
    <definedName name="__TT78" localSheetId="2">'[2]Relatório-1ª med.'!#REF!</definedName>
    <definedName name="__TT78">'[2]Relatório-1ª med.'!#REF!</definedName>
    <definedName name="__TT79" localSheetId="2">'[2]Relatório-1ª med.'!#REF!</definedName>
    <definedName name="__TT79">'[2]Relatório-1ª med.'!#REF!</definedName>
    <definedName name="__TT94" localSheetId="2">'[2]Relatório-1ª med.'!#REF!</definedName>
    <definedName name="__TT94">'[2]Relatório-1ª med.'!#REF!</definedName>
    <definedName name="__TT95" localSheetId="2">'[2]Relatório-1ª med.'!#REF!</definedName>
    <definedName name="__TT95">'[2]Relatório-1ª med.'!#REF!</definedName>
    <definedName name="__TT97" localSheetId="2">'[2]Relatório-1ª med.'!#REF!</definedName>
    <definedName name="__TT97">'[2]Relatório-1ª med.'!#REF!</definedName>
    <definedName name="__UNI11100" localSheetId="2">#REF!</definedName>
    <definedName name="__UNI11100">#REF!</definedName>
    <definedName name="__UNI11110" localSheetId="2">#REF!</definedName>
    <definedName name="__UNI11110">#REF!</definedName>
    <definedName name="__UNI11115" localSheetId="2">#REF!</definedName>
    <definedName name="__UNI11115">#REF!</definedName>
    <definedName name="__UNI11125" localSheetId="2">#REF!</definedName>
    <definedName name="__UNI11125">#REF!</definedName>
    <definedName name="__UNI11130" localSheetId="2">#REF!</definedName>
    <definedName name="__UNI11130">#REF!</definedName>
    <definedName name="__UNI11135" localSheetId="2">#REF!</definedName>
    <definedName name="__UNI11135">#REF!</definedName>
    <definedName name="__UNI11145" localSheetId="2">#REF!</definedName>
    <definedName name="__UNI11145">#REF!</definedName>
    <definedName name="__UNI11150" localSheetId="2">#REF!</definedName>
    <definedName name="__UNI11150">#REF!</definedName>
    <definedName name="__UNI11165" localSheetId="2">#REF!</definedName>
    <definedName name="__UNI11165">#REF!</definedName>
    <definedName name="__UNI11170" localSheetId="2">#REF!</definedName>
    <definedName name="__UNI11170">#REF!</definedName>
    <definedName name="__UNI11180" localSheetId="2">#REF!</definedName>
    <definedName name="__UNI11180">#REF!</definedName>
    <definedName name="__UNI11185" localSheetId="2">#REF!</definedName>
    <definedName name="__UNI11185">#REF!</definedName>
    <definedName name="__UNI11220" localSheetId="2">#REF!</definedName>
    <definedName name="__UNI11220">#REF!</definedName>
    <definedName name="__UNI12105" localSheetId="2">#REF!</definedName>
    <definedName name="__UNI12105">#REF!</definedName>
    <definedName name="__UNI12555" localSheetId="2">#REF!</definedName>
    <definedName name="__UNI12555">#REF!</definedName>
    <definedName name="__UNI12570" localSheetId="2">#REF!</definedName>
    <definedName name="__UNI12570">#REF!</definedName>
    <definedName name="__UNI12575" localSheetId="2">#REF!</definedName>
    <definedName name="__UNI12575">#REF!</definedName>
    <definedName name="__UNI12580" localSheetId="2">#REF!</definedName>
    <definedName name="__UNI12580">#REF!</definedName>
    <definedName name="__UNI12600" localSheetId="2">#REF!</definedName>
    <definedName name="__UNI12600">#REF!</definedName>
    <definedName name="__UNI12610" localSheetId="2">#REF!</definedName>
    <definedName name="__UNI12610">#REF!</definedName>
    <definedName name="__UNI12630" localSheetId="2">#REF!</definedName>
    <definedName name="__UNI12630">#REF!</definedName>
    <definedName name="__UNI12631" localSheetId="2">#REF!</definedName>
    <definedName name="__UNI12631">#REF!</definedName>
    <definedName name="__UNI12640" localSheetId="2">#REF!</definedName>
    <definedName name="__UNI12640">#REF!</definedName>
    <definedName name="__UNI12645" localSheetId="2">#REF!</definedName>
    <definedName name="__UNI12645">#REF!</definedName>
    <definedName name="__UNI12665" localSheetId="2">#REF!</definedName>
    <definedName name="__UNI12665">#REF!</definedName>
    <definedName name="__UNI12690" localSheetId="2">#REF!</definedName>
    <definedName name="__UNI12690">#REF!</definedName>
    <definedName name="__UNI12700" localSheetId="2">#REF!</definedName>
    <definedName name="__UNI12700">#REF!</definedName>
    <definedName name="__UNI12710" localSheetId="2">#REF!</definedName>
    <definedName name="__UNI12710">#REF!</definedName>
    <definedName name="__UNI13111" localSheetId="2">#REF!</definedName>
    <definedName name="__UNI13111">#REF!</definedName>
    <definedName name="__UNI13112" localSheetId="2">#REF!</definedName>
    <definedName name="__UNI13112">#REF!</definedName>
    <definedName name="__UNI13121" localSheetId="2">#REF!</definedName>
    <definedName name="__UNI13121">#REF!</definedName>
    <definedName name="__UNI13720" localSheetId="2">#REF!</definedName>
    <definedName name="__UNI13720">#REF!</definedName>
    <definedName name="__UNI14100" localSheetId="2">#REF!</definedName>
    <definedName name="__UNI14100">#REF!</definedName>
    <definedName name="__UNI14161" localSheetId="2">#REF!</definedName>
    <definedName name="__UNI14161">#REF!</definedName>
    <definedName name="__UNI14195" localSheetId="2">#REF!</definedName>
    <definedName name="__UNI14195">#REF!</definedName>
    <definedName name="__UNI14205" localSheetId="2">#REF!</definedName>
    <definedName name="__UNI14205">#REF!</definedName>
    <definedName name="__UNI14260" localSheetId="2">#REF!</definedName>
    <definedName name="__UNI14260">#REF!</definedName>
    <definedName name="__UNI14500" localSheetId="2">#REF!</definedName>
    <definedName name="__UNI14500">#REF!</definedName>
    <definedName name="__UNI14515" localSheetId="2">#REF!</definedName>
    <definedName name="__UNI14515">#REF!</definedName>
    <definedName name="__UNI14555" localSheetId="2">#REF!</definedName>
    <definedName name="__UNI14555">#REF!</definedName>
    <definedName name="__UNI14565" localSheetId="2">#REF!</definedName>
    <definedName name="__UNI14565">#REF!</definedName>
    <definedName name="__UNI15135" localSheetId="2">#REF!</definedName>
    <definedName name="__UNI15135">#REF!</definedName>
    <definedName name="__UNI15140" localSheetId="2">#REF!</definedName>
    <definedName name="__UNI15140">#REF!</definedName>
    <definedName name="__UNI15195" localSheetId="2">#REF!</definedName>
    <definedName name="__UNI15195">#REF!</definedName>
    <definedName name="__UNI15225" localSheetId="2">#REF!</definedName>
    <definedName name="__UNI15225">#REF!</definedName>
    <definedName name="__UNI15230" localSheetId="2">#REF!</definedName>
    <definedName name="__UNI15230">#REF!</definedName>
    <definedName name="__UNI15515" localSheetId="2">#REF!</definedName>
    <definedName name="__UNI15515">#REF!</definedName>
    <definedName name="__UNI15560" localSheetId="2">#REF!</definedName>
    <definedName name="__UNI15560">#REF!</definedName>
    <definedName name="__UNI15565" localSheetId="2">#REF!</definedName>
    <definedName name="__UNI15565">#REF!</definedName>
    <definedName name="__UNI15570" localSheetId="2">#REF!</definedName>
    <definedName name="__UNI15570">#REF!</definedName>
    <definedName name="__UNI15575" localSheetId="2">#REF!</definedName>
    <definedName name="__UNI15575">#REF!</definedName>
    <definedName name="__UNI15583" localSheetId="2">#REF!</definedName>
    <definedName name="__UNI15583">#REF!</definedName>
    <definedName name="__UNI15590" localSheetId="2">#REF!</definedName>
    <definedName name="__UNI15590">#REF!</definedName>
    <definedName name="__UNI15591" localSheetId="2">#REF!</definedName>
    <definedName name="__UNI15591">#REF!</definedName>
    <definedName name="__UNI15610" localSheetId="2">#REF!</definedName>
    <definedName name="__UNI15610">#REF!</definedName>
    <definedName name="__UNI15625" localSheetId="2">#REF!</definedName>
    <definedName name="__UNI15625">#REF!</definedName>
    <definedName name="__UNI15635" localSheetId="2">#REF!</definedName>
    <definedName name="__UNI15635">#REF!</definedName>
    <definedName name="__UNI15655" localSheetId="2">#REF!</definedName>
    <definedName name="__UNI15655">#REF!</definedName>
    <definedName name="__UNI15665" localSheetId="2">#REF!</definedName>
    <definedName name="__UNI15665">#REF!</definedName>
    <definedName name="__UNI16515" localSheetId="2">#REF!</definedName>
    <definedName name="__UNI16515">#REF!</definedName>
    <definedName name="__UNI16535" localSheetId="2">#REF!</definedName>
    <definedName name="__UNI16535">#REF!</definedName>
    <definedName name="__UNI17140" localSheetId="2">#REF!</definedName>
    <definedName name="__UNI17140">#REF!</definedName>
    <definedName name="__UNI19500" localSheetId="2">#REF!</definedName>
    <definedName name="__UNI19500">#REF!</definedName>
    <definedName name="__UNI19501" localSheetId="2">#REF!</definedName>
    <definedName name="__UNI19501">#REF!</definedName>
    <definedName name="__UNI19502" localSheetId="2">#REF!</definedName>
    <definedName name="__UNI19502">#REF!</definedName>
    <definedName name="__UNI19503" localSheetId="2">#REF!</definedName>
    <definedName name="__UNI19503">#REF!</definedName>
    <definedName name="__UNI19504" localSheetId="2">#REF!</definedName>
    <definedName name="__UNI19504">#REF!</definedName>
    <definedName name="__UNI19505" localSheetId="2">#REF!</definedName>
    <definedName name="__UNI19505">#REF!</definedName>
    <definedName name="__UNI20100" localSheetId="2">#REF!</definedName>
    <definedName name="__UNI20100">#REF!</definedName>
    <definedName name="__UNI20105" localSheetId="2">#REF!</definedName>
    <definedName name="__UNI20105">#REF!</definedName>
    <definedName name="__UNI20110" localSheetId="2">#REF!</definedName>
    <definedName name="__UNI20110">#REF!</definedName>
    <definedName name="__UNI20115" localSheetId="2">#REF!</definedName>
    <definedName name="__UNI20115">#REF!</definedName>
    <definedName name="__UNI20130" localSheetId="2">#REF!</definedName>
    <definedName name="__UNI20130">#REF!</definedName>
    <definedName name="__UNI20135" localSheetId="2">#REF!</definedName>
    <definedName name="__UNI20135">#REF!</definedName>
    <definedName name="__UNI20140" localSheetId="2">#REF!</definedName>
    <definedName name="__UNI20140">#REF!</definedName>
    <definedName name="__UNI20145" localSheetId="2">#REF!</definedName>
    <definedName name="__UNI20145">#REF!</definedName>
    <definedName name="__UNI20150" localSheetId="2">#REF!</definedName>
    <definedName name="__UNI20150">#REF!</definedName>
    <definedName name="__UNI20155" localSheetId="2">#REF!</definedName>
    <definedName name="__UNI20155">#REF!</definedName>
    <definedName name="__UNI20175" localSheetId="2">#REF!</definedName>
    <definedName name="__UNI20175">#REF!</definedName>
    <definedName name="__UNI20185" localSheetId="2">#REF!</definedName>
    <definedName name="__UNI20185">#REF!</definedName>
    <definedName name="__UNI20190" localSheetId="2">#REF!</definedName>
    <definedName name="__UNI20190">#REF!</definedName>
    <definedName name="__UNI20195" localSheetId="2">#REF!</definedName>
    <definedName name="__UNI20195">#REF!</definedName>
    <definedName name="__UNI20210" localSheetId="2">#REF!</definedName>
    <definedName name="__UNI20210">#REF!</definedName>
    <definedName name="__VAL11100" localSheetId="2">#REF!</definedName>
    <definedName name="__VAL11100">#REF!</definedName>
    <definedName name="__VAL11110" localSheetId="2">#REF!</definedName>
    <definedName name="__VAL11110">#REF!</definedName>
    <definedName name="__VAL11115" localSheetId="2">#REF!</definedName>
    <definedName name="__VAL11115">#REF!</definedName>
    <definedName name="__VAL11125" localSheetId="2">#REF!</definedName>
    <definedName name="__VAL11125">#REF!</definedName>
    <definedName name="__VAL11130" localSheetId="2">#REF!</definedName>
    <definedName name="__VAL11130">#REF!</definedName>
    <definedName name="__VAL11135" localSheetId="2">#REF!</definedName>
    <definedName name="__VAL11135">#REF!</definedName>
    <definedName name="__VAL11145" localSheetId="2">#REF!</definedName>
    <definedName name="__VAL11145">#REF!</definedName>
    <definedName name="__VAL11150" localSheetId="2">#REF!</definedName>
    <definedName name="__VAL11150">#REF!</definedName>
    <definedName name="__VAL11165" localSheetId="2">#REF!</definedName>
    <definedName name="__VAL11165">#REF!</definedName>
    <definedName name="__VAL11170" localSheetId="2">#REF!</definedName>
    <definedName name="__VAL11170">#REF!</definedName>
    <definedName name="__VAL11180" localSheetId="2">#REF!</definedName>
    <definedName name="__VAL11180">#REF!</definedName>
    <definedName name="__VAL11185" localSheetId="2">#REF!</definedName>
    <definedName name="__VAL11185">#REF!</definedName>
    <definedName name="__VAL11220" localSheetId="2">#REF!</definedName>
    <definedName name="__VAL11220">#REF!</definedName>
    <definedName name="__VAL12105" localSheetId="2">#REF!</definedName>
    <definedName name="__VAL12105">#REF!</definedName>
    <definedName name="__VAL12555" localSheetId="2">#REF!</definedName>
    <definedName name="__VAL12555">#REF!</definedName>
    <definedName name="__VAL12570" localSheetId="2">#REF!</definedName>
    <definedName name="__VAL12570">#REF!</definedName>
    <definedName name="__VAL12575" localSheetId="2">#REF!</definedName>
    <definedName name="__VAL12575">#REF!</definedName>
    <definedName name="__VAL12580" localSheetId="2">#REF!</definedName>
    <definedName name="__VAL12580">#REF!</definedName>
    <definedName name="__VAL12600" localSheetId="2">#REF!</definedName>
    <definedName name="__VAL12600">#REF!</definedName>
    <definedName name="__VAL12610" localSheetId="2">#REF!</definedName>
    <definedName name="__VAL12610">#REF!</definedName>
    <definedName name="__VAL12630" localSheetId="2">#REF!</definedName>
    <definedName name="__VAL12630">#REF!</definedName>
    <definedName name="__VAL12631" localSheetId="2">#REF!</definedName>
    <definedName name="__VAL12631">#REF!</definedName>
    <definedName name="__VAL12640" localSheetId="2">#REF!</definedName>
    <definedName name="__VAL12640">#REF!</definedName>
    <definedName name="__VAL12645" localSheetId="2">#REF!</definedName>
    <definedName name="__VAL12645">#REF!</definedName>
    <definedName name="__VAL12665" localSheetId="2">#REF!</definedName>
    <definedName name="__VAL12665">#REF!</definedName>
    <definedName name="__VAL12690" localSheetId="2">#REF!</definedName>
    <definedName name="__VAL12690">#REF!</definedName>
    <definedName name="__VAL12700" localSheetId="2">#REF!</definedName>
    <definedName name="__VAL12700">#REF!</definedName>
    <definedName name="__VAL12710" localSheetId="2">#REF!</definedName>
    <definedName name="__VAL12710">#REF!</definedName>
    <definedName name="__VAL13111" localSheetId="2">#REF!</definedName>
    <definedName name="__VAL13111">#REF!</definedName>
    <definedName name="__VAL13112" localSheetId="2">#REF!</definedName>
    <definedName name="__VAL13112">#REF!</definedName>
    <definedName name="__VAL13121" localSheetId="2">#REF!</definedName>
    <definedName name="__VAL13121">#REF!</definedName>
    <definedName name="__VAL13720" localSheetId="2">#REF!</definedName>
    <definedName name="__VAL13720">#REF!</definedName>
    <definedName name="__VAL14100" localSheetId="2">#REF!</definedName>
    <definedName name="__VAL14100">#REF!</definedName>
    <definedName name="__VAL14161" localSheetId="2">#REF!</definedName>
    <definedName name="__VAL14161">#REF!</definedName>
    <definedName name="__VAL14195" localSheetId="2">#REF!</definedName>
    <definedName name="__VAL14195">#REF!</definedName>
    <definedName name="__VAL14205" localSheetId="2">#REF!</definedName>
    <definedName name="__VAL14205">#REF!</definedName>
    <definedName name="__VAL14260" localSheetId="2">#REF!</definedName>
    <definedName name="__VAL14260">#REF!</definedName>
    <definedName name="__VAL14500" localSheetId="2">#REF!</definedName>
    <definedName name="__VAL14500">#REF!</definedName>
    <definedName name="__VAL14515" localSheetId="2">#REF!</definedName>
    <definedName name="__VAL14515">#REF!</definedName>
    <definedName name="__VAL14555" localSheetId="2">#REF!</definedName>
    <definedName name="__VAL14555">#REF!</definedName>
    <definedName name="__VAL14565" localSheetId="2">#REF!</definedName>
    <definedName name="__VAL14565">#REF!</definedName>
    <definedName name="__VAL15135" localSheetId="2">#REF!</definedName>
    <definedName name="__VAL15135">#REF!</definedName>
    <definedName name="__VAL15140" localSheetId="2">#REF!</definedName>
    <definedName name="__VAL15140">#REF!</definedName>
    <definedName name="__VAL15195" localSheetId="2">#REF!</definedName>
    <definedName name="__VAL15195">#REF!</definedName>
    <definedName name="__VAL15225" localSheetId="2">#REF!</definedName>
    <definedName name="__VAL15225">#REF!</definedName>
    <definedName name="__VAL15230" localSheetId="2">#REF!</definedName>
    <definedName name="__VAL15230">#REF!</definedName>
    <definedName name="__VAL15515" localSheetId="2">#REF!</definedName>
    <definedName name="__VAL15515">#REF!</definedName>
    <definedName name="__VAL15560" localSheetId="2">#REF!</definedName>
    <definedName name="__VAL15560">#REF!</definedName>
    <definedName name="__VAL15565" localSheetId="2">#REF!</definedName>
    <definedName name="__VAL15565">#REF!</definedName>
    <definedName name="__VAL15570" localSheetId="2">#REF!</definedName>
    <definedName name="__VAL15570">#REF!</definedName>
    <definedName name="__VAL15575" localSheetId="2">#REF!</definedName>
    <definedName name="__VAL15575">#REF!</definedName>
    <definedName name="__VAL15583" localSheetId="2">#REF!</definedName>
    <definedName name="__VAL15583">#REF!</definedName>
    <definedName name="__VAL15590" localSheetId="2">#REF!</definedName>
    <definedName name="__VAL15590">#REF!</definedName>
    <definedName name="__VAL15591" localSheetId="2">#REF!</definedName>
    <definedName name="__VAL15591">#REF!</definedName>
    <definedName name="__VAL15610" localSheetId="2">#REF!</definedName>
    <definedName name="__VAL15610">#REF!</definedName>
    <definedName name="__VAL15625" localSheetId="2">#REF!</definedName>
    <definedName name="__VAL15625">#REF!</definedName>
    <definedName name="__VAL15635" localSheetId="2">#REF!</definedName>
    <definedName name="__VAL15635">#REF!</definedName>
    <definedName name="__VAL15655" localSheetId="2">#REF!</definedName>
    <definedName name="__VAL15655">#REF!</definedName>
    <definedName name="__VAL15665" localSheetId="2">#REF!</definedName>
    <definedName name="__VAL15665">#REF!</definedName>
    <definedName name="__VAL16515" localSheetId="2">#REF!</definedName>
    <definedName name="__VAL16515">#REF!</definedName>
    <definedName name="__VAL16535" localSheetId="2">#REF!</definedName>
    <definedName name="__VAL16535">#REF!</definedName>
    <definedName name="__VAL17140" localSheetId="2">#REF!</definedName>
    <definedName name="__VAL17140">#REF!</definedName>
    <definedName name="__VAL19500" localSheetId="2">#REF!</definedName>
    <definedName name="__VAL19500">#REF!</definedName>
    <definedName name="__VAL19501" localSheetId="2">#REF!</definedName>
    <definedName name="__VAL19501">#REF!</definedName>
    <definedName name="__VAL19502" localSheetId="2">#REF!</definedName>
    <definedName name="__VAL19502">#REF!</definedName>
    <definedName name="__VAL19503" localSheetId="2">#REF!</definedName>
    <definedName name="__VAL19503">#REF!</definedName>
    <definedName name="__VAL19504" localSheetId="2">#REF!</definedName>
    <definedName name="__VAL19504">#REF!</definedName>
    <definedName name="__VAL19505" localSheetId="2">#REF!</definedName>
    <definedName name="__VAL19505">#REF!</definedName>
    <definedName name="__VAL20100" localSheetId="2">#REF!</definedName>
    <definedName name="__VAL20100">#REF!</definedName>
    <definedName name="__VAL20105" localSheetId="2">#REF!</definedName>
    <definedName name="__VAL20105">#REF!</definedName>
    <definedName name="__VAL20110" localSheetId="2">#REF!</definedName>
    <definedName name="__VAL20110">#REF!</definedName>
    <definedName name="__VAL20115" localSheetId="2">#REF!</definedName>
    <definedName name="__VAL20115">#REF!</definedName>
    <definedName name="__VAL20130" localSheetId="2">#REF!</definedName>
    <definedName name="__VAL20130">#REF!</definedName>
    <definedName name="__VAL20135" localSheetId="2">#REF!</definedName>
    <definedName name="__VAL20135">#REF!</definedName>
    <definedName name="__VAL20140" localSheetId="2">#REF!</definedName>
    <definedName name="__VAL20140">#REF!</definedName>
    <definedName name="__VAL20145" localSheetId="2">#REF!</definedName>
    <definedName name="__VAL20145">#REF!</definedName>
    <definedName name="__VAL20150" localSheetId="2">#REF!</definedName>
    <definedName name="__VAL20150">#REF!</definedName>
    <definedName name="__VAL20155" localSheetId="2">#REF!</definedName>
    <definedName name="__VAL20155">#REF!</definedName>
    <definedName name="__VAL20175" localSheetId="2">#REF!</definedName>
    <definedName name="__VAL20175">#REF!</definedName>
    <definedName name="__VAL20185" localSheetId="2">#REF!</definedName>
    <definedName name="__VAL20185">#REF!</definedName>
    <definedName name="__VAL20190" localSheetId="2">#REF!</definedName>
    <definedName name="__VAL20190">#REF!</definedName>
    <definedName name="__VAL20195" localSheetId="2">#REF!</definedName>
    <definedName name="__VAL20195">#REF!</definedName>
    <definedName name="__VAL20210" localSheetId="2">#REF!</definedName>
    <definedName name="__VAL20210">#REF!</definedName>
    <definedName name="__xlnm.Print_Area_10" localSheetId="0">#REF!</definedName>
    <definedName name="__xlnm.Print_Area_10" localSheetId="2">#REF!</definedName>
    <definedName name="__xlnm.Print_Area_10">#REF!</definedName>
    <definedName name="__xlnm.Print_Area_11" localSheetId="0">#REF!</definedName>
    <definedName name="__xlnm.Print_Area_11" localSheetId="2">#REF!</definedName>
    <definedName name="__xlnm.Print_Area_11">#REF!</definedName>
    <definedName name="__xlnm.Print_Area_12" localSheetId="2">#REF!</definedName>
    <definedName name="__xlnm.Print_Area_12">#REF!</definedName>
    <definedName name="__xlnm.Print_Area_13" localSheetId="0">#REF!</definedName>
    <definedName name="__xlnm.Print_Area_13" localSheetId="2">#REF!</definedName>
    <definedName name="__xlnm.Print_Area_13">#REF!</definedName>
    <definedName name="__xlnm.Print_Area_14" localSheetId="0">#REF!</definedName>
    <definedName name="__xlnm.Print_Area_14" localSheetId="2">#REF!</definedName>
    <definedName name="__xlnm.Print_Area_14">#REF!</definedName>
    <definedName name="__xlnm.Print_Area_15" localSheetId="0">#REF!</definedName>
    <definedName name="__xlnm.Print_Area_15" localSheetId="2">#REF!</definedName>
    <definedName name="__xlnm.Print_Area_15">#REF!</definedName>
    <definedName name="__xlnm.Print_Area_2" localSheetId="0">'ANEXO III-B- PLAN. ORÇAMENTÁRIA'!$B$2:$I$64</definedName>
    <definedName name="__xlnm.Print_Area_2" localSheetId="2">#REF!</definedName>
    <definedName name="__xlnm.Print_Area_2">#REF!</definedName>
    <definedName name="__xlnm.Print_Area_25" localSheetId="0">#REF!</definedName>
    <definedName name="__xlnm.Print_Area_25" localSheetId="2">#REF!</definedName>
    <definedName name="__xlnm.Print_Area_25">#REF!</definedName>
    <definedName name="__xlnm.Print_Area_26" localSheetId="0">#REF!</definedName>
    <definedName name="__xlnm.Print_Area_26" localSheetId="2">#REF!</definedName>
    <definedName name="__xlnm.Print_Area_26">#REF!</definedName>
    <definedName name="__xlnm.Print_Area_27" localSheetId="0">#REF!</definedName>
    <definedName name="__xlnm.Print_Area_27" localSheetId="2">#REF!</definedName>
    <definedName name="__xlnm.Print_Area_27">#REF!</definedName>
    <definedName name="__xlnm.Print_Area_28" localSheetId="0">#REF!</definedName>
    <definedName name="__xlnm.Print_Area_28" localSheetId="2">#REF!</definedName>
    <definedName name="__xlnm.Print_Area_28">#REF!</definedName>
    <definedName name="__xlnm.Print_Area_29" localSheetId="0">#REF!</definedName>
    <definedName name="__xlnm.Print_Area_29" localSheetId="2">#REF!</definedName>
    <definedName name="__xlnm.Print_Area_29">#REF!</definedName>
    <definedName name="__xlnm.Print_Area_30" localSheetId="0">#REF!</definedName>
    <definedName name="__xlnm.Print_Area_30" localSheetId="2">#REF!</definedName>
    <definedName name="__xlnm.Print_Area_30">#REF!</definedName>
    <definedName name="__xlnm.Print_Area_31" localSheetId="0">#REF!</definedName>
    <definedName name="__xlnm.Print_Area_31" localSheetId="2">#REF!</definedName>
    <definedName name="__xlnm.Print_Area_31">#REF!</definedName>
    <definedName name="__xlnm.Print_Area_32" localSheetId="0">#REF!</definedName>
    <definedName name="__xlnm.Print_Area_32" localSheetId="2">#REF!</definedName>
    <definedName name="__xlnm.Print_Area_32">#REF!</definedName>
    <definedName name="__xlnm.Print_Area_33" localSheetId="0">#REF!</definedName>
    <definedName name="__xlnm.Print_Area_33" localSheetId="2">#REF!</definedName>
    <definedName name="__xlnm.Print_Area_33">#REF!</definedName>
    <definedName name="__xlnm.Print_Area_34" localSheetId="0">#REF!</definedName>
    <definedName name="__xlnm.Print_Area_34" localSheetId="2">#REF!</definedName>
    <definedName name="__xlnm.Print_Area_34">#REF!</definedName>
    <definedName name="__xlnm.Print_Area_38" localSheetId="0">#REF!</definedName>
    <definedName name="__xlnm.Print_Area_38" localSheetId="2">#REF!</definedName>
    <definedName name="__xlnm.Print_Area_38">#REF!</definedName>
    <definedName name="__xlnm.Print_Area_39" localSheetId="0">#REF!</definedName>
    <definedName name="__xlnm.Print_Area_39" localSheetId="2">#REF!</definedName>
    <definedName name="__xlnm.Print_Area_39">#REF!</definedName>
    <definedName name="__xlnm.Print_Area_4" localSheetId="2">#REF!</definedName>
    <definedName name="__xlnm.Print_Area_4">#REF!</definedName>
    <definedName name="__xlnm.Print_Area_40" localSheetId="0">#REF!</definedName>
    <definedName name="__xlnm.Print_Area_40" localSheetId="2">#REF!</definedName>
    <definedName name="__xlnm.Print_Area_40">#REF!</definedName>
    <definedName name="__xlnm.Print_Area_41" localSheetId="0">#REF!</definedName>
    <definedName name="__xlnm.Print_Area_41" localSheetId="2">#REF!</definedName>
    <definedName name="__xlnm.Print_Area_41">#REF!</definedName>
    <definedName name="__xlnm.Print_Area_42" localSheetId="0">#REF!</definedName>
    <definedName name="__xlnm.Print_Area_42" localSheetId="2">#REF!</definedName>
    <definedName name="__xlnm.Print_Area_42">#REF!</definedName>
    <definedName name="__xlnm.Print_Area_43" localSheetId="0">#REF!</definedName>
    <definedName name="__xlnm.Print_Area_43" localSheetId="2">#REF!</definedName>
    <definedName name="__xlnm.Print_Area_43">#REF!</definedName>
    <definedName name="__xlnm.Print_Area_44" localSheetId="0">#REF!</definedName>
    <definedName name="__xlnm.Print_Area_44" localSheetId="2">#REF!</definedName>
    <definedName name="__xlnm.Print_Area_44">#REF!</definedName>
    <definedName name="__xlnm.Print_Area_45" localSheetId="0">#REF!</definedName>
    <definedName name="__xlnm.Print_Area_45" localSheetId="2">#REF!</definedName>
    <definedName name="__xlnm.Print_Area_45">#REF!</definedName>
    <definedName name="__xlnm.Print_Area_46" localSheetId="0">#REF!</definedName>
    <definedName name="__xlnm.Print_Area_46" localSheetId="2">#REF!</definedName>
    <definedName name="__xlnm.Print_Area_46">#REF!</definedName>
    <definedName name="__xlnm.Print_Area_47" localSheetId="0">#REF!</definedName>
    <definedName name="__xlnm.Print_Area_47" localSheetId="2">#REF!</definedName>
    <definedName name="__xlnm.Print_Area_47">#REF!</definedName>
    <definedName name="__xlnm.Print_Area_48" localSheetId="0">#REF!</definedName>
    <definedName name="__xlnm.Print_Area_48" localSheetId="2">#REF!</definedName>
    <definedName name="__xlnm.Print_Area_48">#REF!</definedName>
    <definedName name="__xlnm.Print_Area_49" localSheetId="0">#REF!</definedName>
    <definedName name="__xlnm.Print_Area_49" localSheetId="2">#REF!</definedName>
    <definedName name="__xlnm.Print_Area_49">#REF!</definedName>
    <definedName name="__xlnm.Print_Area_50" localSheetId="0">#REF!</definedName>
    <definedName name="__xlnm.Print_Area_50" localSheetId="2">#REF!</definedName>
    <definedName name="__xlnm.Print_Area_50">#REF!</definedName>
    <definedName name="__xlnm.Print_Area_51" localSheetId="0">#REF!</definedName>
    <definedName name="__xlnm.Print_Area_51" localSheetId="2">#REF!</definedName>
    <definedName name="__xlnm.Print_Area_51">#REF!</definedName>
    <definedName name="__xlnm.Print_Area_52" localSheetId="0">#REF!</definedName>
    <definedName name="__xlnm.Print_Area_52" localSheetId="2">#REF!</definedName>
    <definedName name="__xlnm.Print_Area_52">#REF!</definedName>
    <definedName name="__xlnm.Print_Area_53" localSheetId="0">#REF!</definedName>
    <definedName name="__xlnm.Print_Area_53" localSheetId="2">#REF!</definedName>
    <definedName name="__xlnm.Print_Area_53">#REF!</definedName>
    <definedName name="__xlnm.Print_Area_54" localSheetId="0">#REF!</definedName>
    <definedName name="__xlnm.Print_Area_54" localSheetId="2">#REF!</definedName>
    <definedName name="__xlnm.Print_Area_54">#REF!</definedName>
    <definedName name="__xlnm.Print_Area_55" localSheetId="0">#REF!</definedName>
    <definedName name="__xlnm.Print_Area_55" localSheetId="2">#REF!</definedName>
    <definedName name="__xlnm.Print_Area_55">#REF!</definedName>
    <definedName name="__xlnm.Print_Area_56" localSheetId="0">#REF!</definedName>
    <definedName name="__xlnm.Print_Area_56" localSheetId="2">#REF!</definedName>
    <definedName name="__xlnm.Print_Area_56">#REF!</definedName>
    <definedName name="__xlnm.Print_Area_57" localSheetId="0">#REF!</definedName>
    <definedName name="__xlnm.Print_Area_57" localSheetId="2">#REF!</definedName>
    <definedName name="__xlnm.Print_Area_57">#REF!</definedName>
    <definedName name="__xlnm.Print_Area_58" localSheetId="0">#REF!</definedName>
    <definedName name="__xlnm.Print_Area_58" localSheetId="2">#REF!</definedName>
    <definedName name="__xlnm.Print_Area_58">#REF!</definedName>
    <definedName name="__xlnm.Print_Area_59" localSheetId="0">#REF!</definedName>
    <definedName name="__xlnm.Print_Area_59" localSheetId="2">#REF!</definedName>
    <definedName name="__xlnm.Print_Area_59">#REF!</definedName>
    <definedName name="__xlnm.Print_Area_6" localSheetId="0">#REF!</definedName>
    <definedName name="__xlnm.Print_Area_6" localSheetId="2">#REF!</definedName>
    <definedName name="__xlnm.Print_Area_6">#REF!</definedName>
    <definedName name="__xlnm.Print_Area_60" localSheetId="0">#REF!</definedName>
    <definedName name="__xlnm.Print_Area_60" localSheetId="2">#REF!</definedName>
    <definedName name="__xlnm.Print_Area_60">#REF!</definedName>
    <definedName name="__xlnm.Print_Area_61" localSheetId="0">#REF!</definedName>
    <definedName name="__xlnm.Print_Area_61" localSheetId="2">#REF!</definedName>
    <definedName name="__xlnm.Print_Area_61">#REF!</definedName>
    <definedName name="__xlnm.Print_Area_62" localSheetId="0">#REF!</definedName>
    <definedName name="__xlnm.Print_Area_62" localSheetId="2">#REF!</definedName>
    <definedName name="__xlnm.Print_Area_62">#REF!</definedName>
    <definedName name="__xlnm.Print_Area_65" localSheetId="0">#REF!</definedName>
    <definedName name="__xlnm.Print_Area_65" localSheetId="2">#REF!</definedName>
    <definedName name="__xlnm.Print_Area_65">#REF!</definedName>
    <definedName name="__xlnm.Print_Area_66" localSheetId="0">#REF!</definedName>
    <definedName name="__xlnm.Print_Area_66" localSheetId="2">#REF!</definedName>
    <definedName name="__xlnm.Print_Area_66">#REF!</definedName>
    <definedName name="__xlnm.Print_Area_7" localSheetId="0">#REF!</definedName>
    <definedName name="__xlnm.Print_Area_7" localSheetId="2">#REF!</definedName>
    <definedName name="__xlnm.Print_Area_7">#REF!</definedName>
    <definedName name="__xlnm.Print_Area_8" localSheetId="0">#REF!</definedName>
    <definedName name="__xlnm.Print_Area_8" localSheetId="2">#REF!</definedName>
    <definedName name="__xlnm.Print_Area_8">#REF!</definedName>
    <definedName name="__xlnm.Print_Area_80" localSheetId="0">#REF!</definedName>
    <definedName name="__xlnm.Print_Area_80" localSheetId="2">#REF!</definedName>
    <definedName name="__xlnm.Print_Area_80">#REF!</definedName>
    <definedName name="__xlnm.Print_Area_81" localSheetId="0">#REF!</definedName>
    <definedName name="__xlnm.Print_Area_81" localSheetId="2">#REF!</definedName>
    <definedName name="__xlnm.Print_Area_81">#REF!</definedName>
    <definedName name="__xlnm.Print_Area_82" localSheetId="0">#REF!</definedName>
    <definedName name="__xlnm.Print_Area_82" localSheetId="2">#REF!</definedName>
    <definedName name="__xlnm.Print_Area_82">#REF!</definedName>
    <definedName name="__xlnm.Print_Area_87" localSheetId="0">#REF!</definedName>
    <definedName name="__xlnm.Print_Area_87" localSheetId="2">#REF!</definedName>
    <definedName name="__xlnm.Print_Area_87">#REF!</definedName>
    <definedName name="__xlnm.Print_Area_88" localSheetId="0">#REF!</definedName>
    <definedName name="__xlnm.Print_Area_88" localSheetId="2">#REF!</definedName>
    <definedName name="__xlnm.Print_Area_88">#REF!</definedName>
    <definedName name="__xlnm.Print_Area_9" localSheetId="0">#REF!</definedName>
    <definedName name="__xlnm.Print_Area_9" localSheetId="2">#REF!</definedName>
    <definedName name="__xlnm.Print_Area_9">#REF!</definedName>
    <definedName name="__xlnm.Print_Area_91" localSheetId="2">#REF!</definedName>
    <definedName name="__xlnm.Print_Area_91">#REF!</definedName>
    <definedName name="__xlnm.Print_Titles_2" localSheetId="0">'ANEXO III-B- PLAN. ORÇAMENTÁRIA'!$2:$9</definedName>
    <definedName name="__xlnm.Print_Titles_2" localSheetId="2">#REF!</definedName>
    <definedName name="__xlnm.Print_Titles_2">#REF!</definedName>
    <definedName name="__xlnm.Print_Titles_4" localSheetId="2">#REF!</definedName>
    <definedName name="__xlnm.Print_Titles_4">#REF!</definedName>
    <definedName name="_A1" localSheetId="2">#REF!</definedName>
    <definedName name="_A1">#REF!</definedName>
    <definedName name="_cab1" localSheetId="2">#REF!</definedName>
    <definedName name="_cab1">#REF!</definedName>
    <definedName name="_COM010201" localSheetId="2">#REF!</definedName>
    <definedName name="_COM010201">#REF!</definedName>
    <definedName name="_COM010202" localSheetId="2">#REF!</definedName>
    <definedName name="_COM010202">#REF!</definedName>
    <definedName name="_COM010205" localSheetId="2">#REF!</definedName>
    <definedName name="_COM010205">#REF!</definedName>
    <definedName name="_COM010206" localSheetId="2">#REF!</definedName>
    <definedName name="_COM010206">#REF!</definedName>
    <definedName name="_COM010210" localSheetId="2">#REF!</definedName>
    <definedName name="_COM010210">#REF!</definedName>
    <definedName name="_COM010301" localSheetId="2">#REF!</definedName>
    <definedName name="_COM010301">#REF!</definedName>
    <definedName name="_COM010401" localSheetId="2">#REF!</definedName>
    <definedName name="_COM010401">#REF!</definedName>
    <definedName name="_COM010402" localSheetId="2">#REF!</definedName>
    <definedName name="_COM010402">#REF!</definedName>
    <definedName name="_COM010407" localSheetId="2">#REF!</definedName>
    <definedName name="_COM010407">#REF!</definedName>
    <definedName name="_COM010413" localSheetId="2">#REF!</definedName>
    <definedName name="_COM010413">#REF!</definedName>
    <definedName name="_COM010501" localSheetId="2">#REF!</definedName>
    <definedName name="_COM010501">#REF!</definedName>
    <definedName name="_COM010503" localSheetId="2">#REF!</definedName>
    <definedName name="_COM010503">#REF!</definedName>
    <definedName name="_COM010505" localSheetId="2">#REF!</definedName>
    <definedName name="_COM010505">#REF!</definedName>
    <definedName name="_COM010509" localSheetId="2">#REF!</definedName>
    <definedName name="_COM010509">#REF!</definedName>
    <definedName name="_COM010512" localSheetId="2">#REF!</definedName>
    <definedName name="_COM010512">#REF!</definedName>
    <definedName name="_COM010518" localSheetId="2">#REF!</definedName>
    <definedName name="_COM010518">#REF!</definedName>
    <definedName name="_COM010519" localSheetId="2">#REF!</definedName>
    <definedName name="_COM010519">#REF!</definedName>
    <definedName name="_COM010521" localSheetId="2">#REF!</definedName>
    <definedName name="_COM010521">#REF!</definedName>
    <definedName name="_COM010523" localSheetId="2">#REF!</definedName>
    <definedName name="_COM010523">#REF!</definedName>
    <definedName name="_COM010532" localSheetId="2">#REF!</definedName>
    <definedName name="_COM010532">#REF!</definedName>
    <definedName name="_COM010533" localSheetId="2">#REF!</definedName>
    <definedName name="_COM010533">#REF!</definedName>
    <definedName name="_COM010536" localSheetId="2">#REF!</definedName>
    <definedName name="_COM010536">#REF!</definedName>
    <definedName name="_COM010701" localSheetId="2">#REF!</definedName>
    <definedName name="_COM010701">#REF!</definedName>
    <definedName name="_COM010703" localSheetId="2">#REF!</definedName>
    <definedName name="_COM010703">#REF!</definedName>
    <definedName name="_COM010705" localSheetId="2">#REF!</definedName>
    <definedName name="_COM010705">#REF!</definedName>
    <definedName name="_COM010708" localSheetId="2">#REF!</definedName>
    <definedName name="_COM010708">#REF!</definedName>
    <definedName name="_COM010710" localSheetId="2">#REF!</definedName>
    <definedName name="_COM010710">#REF!</definedName>
    <definedName name="_COM010712" localSheetId="2">#REF!</definedName>
    <definedName name="_COM010712">#REF!</definedName>
    <definedName name="_COM010717" localSheetId="2">#REF!</definedName>
    <definedName name="_COM010717">#REF!</definedName>
    <definedName name="_COM010718" localSheetId="2">#REF!</definedName>
    <definedName name="_COM010718">#REF!</definedName>
    <definedName name="_COM020201" localSheetId="2">#REF!</definedName>
    <definedName name="_COM020201">#REF!</definedName>
    <definedName name="_COM020205" localSheetId="2">#REF!</definedName>
    <definedName name="_COM020205">#REF!</definedName>
    <definedName name="_COM020211" localSheetId="2">#REF!</definedName>
    <definedName name="_COM020211">#REF!</definedName>
    <definedName name="_COM020217" localSheetId="2">#REF!</definedName>
    <definedName name="_COM020217">#REF!</definedName>
    <definedName name="_COM030102" localSheetId="2">#REF!</definedName>
    <definedName name="_COM030102">#REF!</definedName>
    <definedName name="_COM030201" localSheetId="2">#REF!</definedName>
    <definedName name="_COM030201">#REF!</definedName>
    <definedName name="_COM030303" localSheetId="2">#REF!</definedName>
    <definedName name="_COM030303">#REF!</definedName>
    <definedName name="_COM030317" localSheetId="2">#REF!</definedName>
    <definedName name="_COM030317">#REF!</definedName>
    <definedName name="_COM040101" localSheetId="2">#REF!</definedName>
    <definedName name="_COM040101">#REF!</definedName>
    <definedName name="_COM040202" localSheetId="2">#REF!</definedName>
    <definedName name="_COM040202">#REF!</definedName>
    <definedName name="_COM050103" localSheetId="2">#REF!</definedName>
    <definedName name="_COM050103">#REF!</definedName>
    <definedName name="_COM050207" localSheetId="2">#REF!</definedName>
    <definedName name="_COM050207">#REF!</definedName>
    <definedName name="_COM060101" localSheetId="2">#REF!</definedName>
    <definedName name="_COM060101">#REF!</definedName>
    <definedName name="_COM080101" localSheetId="2">#REF!</definedName>
    <definedName name="_COM080101">#REF!</definedName>
    <definedName name="_COM080310" localSheetId="2">#REF!</definedName>
    <definedName name="_COM080310">#REF!</definedName>
    <definedName name="_COM090101" localSheetId="2">#REF!</definedName>
    <definedName name="_COM090101">#REF!</definedName>
    <definedName name="_COM100302" localSheetId="2">#REF!</definedName>
    <definedName name="_COM100302">#REF!</definedName>
    <definedName name="_COM110101" localSheetId="2">#REF!</definedName>
    <definedName name="_COM110101">#REF!</definedName>
    <definedName name="_COM110104" localSheetId="2">#REF!</definedName>
    <definedName name="_COM110104">#REF!</definedName>
    <definedName name="_COM110107" localSheetId="2">#REF!</definedName>
    <definedName name="_COM110107">#REF!</definedName>
    <definedName name="_COM120101" localSheetId="2">#REF!</definedName>
    <definedName name="_COM120101">#REF!</definedName>
    <definedName name="_COM120105" localSheetId="2">#REF!</definedName>
    <definedName name="_COM120105">#REF!</definedName>
    <definedName name="_COM120106" localSheetId="2">#REF!</definedName>
    <definedName name="_COM120106">#REF!</definedName>
    <definedName name="_COM120107" localSheetId="2">#REF!</definedName>
    <definedName name="_COM120107">#REF!</definedName>
    <definedName name="_COM120110" localSheetId="2">#REF!</definedName>
    <definedName name="_COM120110">#REF!</definedName>
    <definedName name="_COM120150" localSheetId="2">#REF!</definedName>
    <definedName name="_COM120150">#REF!</definedName>
    <definedName name="_COM130101" localSheetId="2">#REF!</definedName>
    <definedName name="_COM130101">#REF!</definedName>
    <definedName name="_COM130103" localSheetId="2">#REF!</definedName>
    <definedName name="_COM130103">#REF!</definedName>
    <definedName name="_COM130304" localSheetId="2">#REF!</definedName>
    <definedName name="_COM130304">#REF!</definedName>
    <definedName name="_COM130401" localSheetId="2">#REF!</definedName>
    <definedName name="_COM130401">#REF!</definedName>
    <definedName name="_COM140102" localSheetId="2">#REF!</definedName>
    <definedName name="_COM140102">#REF!</definedName>
    <definedName name="_COM140109" localSheetId="2">#REF!</definedName>
    <definedName name="_COM140109">#REF!</definedName>
    <definedName name="_COM140113" localSheetId="2">#REF!</definedName>
    <definedName name="_COM140113">#REF!</definedName>
    <definedName name="_COM140122" localSheetId="2">#REF!</definedName>
    <definedName name="_COM140122">#REF!</definedName>
    <definedName name="_COM140126" localSheetId="2">#REF!</definedName>
    <definedName name="_COM140126">#REF!</definedName>
    <definedName name="_COM140129" localSheetId="2">#REF!</definedName>
    <definedName name="_COM140129">#REF!</definedName>
    <definedName name="_COM140135" localSheetId="2">#REF!</definedName>
    <definedName name="_COM140135">#REF!</definedName>
    <definedName name="_COM140143" localSheetId="2">#REF!</definedName>
    <definedName name="_COM140143">#REF!</definedName>
    <definedName name="_COM140145" localSheetId="2">#REF!</definedName>
    <definedName name="_COM140145">#REF!</definedName>
    <definedName name="_COM150130" localSheetId="2">#REF!</definedName>
    <definedName name="_COM150130">#REF!</definedName>
    <definedName name="_COM170101" localSheetId="2">#REF!</definedName>
    <definedName name="_COM170101">#REF!</definedName>
    <definedName name="_COM170102" localSheetId="2">#REF!</definedName>
    <definedName name="_COM170102">#REF!</definedName>
    <definedName name="_COM170103" localSheetId="2">#REF!</definedName>
    <definedName name="_COM170103">#REF!</definedName>
    <definedName name="_xlnm._FilterDatabase" localSheetId="0" hidden="1">'ANEXO III-B- PLAN. ORÇAMENTÁRIA'!$B$8:$J$64</definedName>
    <definedName name="_GLB2">#N/A</definedName>
    <definedName name="_GLB2_10">#N/A</definedName>
    <definedName name="_GLB2_11">#N/A</definedName>
    <definedName name="_GLB2_12">#N/A</definedName>
    <definedName name="_GLB2_13">#N/A</definedName>
    <definedName name="_GLB2_14">#N/A</definedName>
    <definedName name="_GLB2_15">#N/A</definedName>
    <definedName name="_GLB2_16">#N/A</definedName>
    <definedName name="_GLB2_17">#N/A</definedName>
    <definedName name="_GLB2_18">#N/A</definedName>
    <definedName name="_GLB2_19">#N/A</definedName>
    <definedName name="_GLB2_2">#N/A</definedName>
    <definedName name="_GLB2_20">#N/A</definedName>
    <definedName name="_GLB2_21">#N/A</definedName>
    <definedName name="_GLB2_22">#N/A</definedName>
    <definedName name="_GLB2_23">#N/A</definedName>
    <definedName name="_GLB2_24">#N/A</definedName>
    <definedName name="_GLB2_25">#N/A</definedName>
    <definedName name="_GLB2_26">#N/A</definedName>
    <definedName name="_GLB2_27">#N/A</definedName>
    <definedName name="_GLB2_28">#N/A</definedName>
    <definedName name="_GLB2_29">#N/A</definedName>
    <definedName name="_GLB2_30">#N/A</definedName>
    <definedName name="_GLB2_31">#N/A</definedName>
    <definedName name="_GLB2_32">#N/A</definedName>
    <definedName name="_GLB2_33">#N/A</definedName>
    <definedName name="_GLB2_34">#N/A</definedName>
    <definedName name="_GLB2_35">#N/A</definedName>
    <definedName name="_GLB2_36">#N/A</definedName>
    <definedName name="_GLB2_37">#N/A</definedName>
    <definedName name="_GLB2_38">#N/A</definedName>
    <definedName name="_GLB2_39">#N/A</definedName>
    <definedName name="_GLB2_40">#N/A</definedName>
    <definedName name="_GLB2_41">#N/A</definedName>
    <definedName name="_GLB2_42">#N/A</definedName>
    <definedName name="_GLB2_43">#N/A</definedName>
    <definedName name="_GLB2_44">#N/A</definedName>
    <definedName name="_GLB2_45">#N/A</definedName>
    <definedName name="_GLB2_46">#N/A</definedName>
    <definedName name="_GLB2_47">#N/A</definedName>
    <definedName name="_GLB2_48">#N/A</definedName>
    <definedName name="_GLB2_49">#N/A</definedName>
    <definedName name="_GLB2_5">#N/A</definedName>
    <definedName name="_GLB2_50">#N/A</definedName>
    <definedName name="_GLB2_51">#N/A</definedName>
    <definedName name="_GLB2_52">#N/A</definedName>
    <definedName name="_GLB2_53">#N/A</definedName>
    <definedName name="_GLB2_54">#N/A</definedName>
    <definedName name="_GLB2_55">#N/A</definedName>
    <definedName name="_GLB2_56">#N/A</definedName>
    <definedName name="_GLB2_57">#N/A</definedName>
    <definedName name="_GLB2_58">#N/A</definedName>
    <definedName name="_GLB2_6">#N/A</definedName>
    <definedName name="_GLB2_60">#N/A</definedName>
    <definedName name="_GLB2_61">#N/A</definedName>
    <definedName name="_GLB2_62">#N/A</definedName>
    <definedName name="_GLB2_63">#N/A</definedName>
    <definedName name="_GLB2_64">#N/A</definedName>
    <definedName name="_GLB2_65">#N/A</definedName>
    <definedName name="_GLB2_66">#N/A</definedName>
    <definedName name="_GLB2_67">#N/A</definedName>
    <definedName name="_GLB2_68">#N/A</definedName>
    <definedName name="_GLB2_69">#N/A</definedName>
    <definedName name="_GLB2_7">#N/A</definedName>
    <definedName name="_GLB2_70">#N/A</definedName>
    <definedName name="_GLB2_71">#N/A</definedName>
    <definedName name="_GLB2_72">#N/A</definedName>
    <definedName name="_GLB2_73">#N/A</definedName>
    <definedName name="_GLB2_74">#N/A</definedName>
    <definedName name="_GLB2_75">#N/A</definedName>
    <definedName name="_GLB2_76">#N/A</definedName>
    <definedName name="_GLB2_77">#N/A</definedName>
    <definedName name="_GLB2_78">#N/A</definedName>
    <definedName name="_GLB2_79">#N/A</definedName>
    <definedName name="_GLB2_8">#N/A</definedName>
    <definedName name="_GLB2_80">#N/A</definedName>
    <definedName name="_GLB2_81">#N/A</definedName>
    <definedName name="_GLB2_82">#N/A</definedName>
    <definedName name="_GLB2_83">#N/A</definedName>
    <definedName name="_GLB2_84">#N/A</definedName>
    <definedName name="_GLB2_85">#N/A</definedName>
    <definedName name="_GLB2_86">#N/A</definedName>
    <definedName name="_GLB2_87">#N/A</definedName>
    <definedName name="_GLB2_88">#N/A</definedName>
    <definedName name="_GLB2_9">#N/A</definedName>
    <definedName name="_GLB2_92">#N/A</definedName>
    <definedName name="_GLB2_95">#N/A</definedName>
    <definedName name="_GLB2_96">#N/A</definedName>
    <definedName name="_GLB2_97">#N/A</definedName>
    <definedName name="_GLB2_98">#N/A</definedName>
    <definedName name="_i" localSheetId="2">#REF!</definedName>
    <definedName name="_i">#REF!</definedName>
    <definedName name="_i3" localSheetId="2">#REF!</definedName>
    <definedName name="_i3">#REF!</definedName>
    <definedName name="_l" localSheetId="2">#REF!</definedName>
    <definedName name="_l">#REF!</definedName>
    <definedName name="_MAO010201" localSheetId="2">#REF!</definedName>
    <definedName name="_MAO010201">#REF!</definedName>
    <definedName name="_MAO010202" localSheetId="2">#REF!</definedName>
    <definedName name="_MAO010202">#REF!</definedName>
    <definedName name="_MAO010205" localSheetId="2">#REF!</definedName>
    <definedName name="_MAO010205">#REF!</definedName>
    <definedName name="_MAO010206" localSheetId="2">#REF!</definedName>
    <definedName name="_MAO010206">#REF!</definedName>
    <definedName name="_MAO010210" localSheetId="2">#REF!</definedName>
    <definedName name="_MAO010210">#REF!</definedName>
    <definedName name="_MAO010401" localSheetId="2">#REF!</definedName>
    <definedName name="_MAO010401">#REF!</definedName>
    <definedName name="_MAO010402" localSheetId="2">#REF!</definedName>
    <definedName name="_MAO010402">#REF!</definedName>
    <definedName name="_MAO010407" localSheetId="2">#REF!</definedName>
    <definedName name="_MAO010407">#REF!</definedName>
    <definedName name="_MAO010413" localSheetId="2">#REF!</definedName>
    <definedName name="_MAO010413">#REF!</definedName>
    <definedName name="_MAO010501" localSheetId="2">#REF!</definedName>
    <definedName name="_MAO010501">#REF!</definedName>
    <definedName name="_MAO010503" localSheetId="2">#REF!</definedName>
    <definedName name="_MAO010503">#REF!</definedName>
    <definedName name="_MAO010505" localSheetId="2">#REF!</definedName>
    <definedName name="_MAO010505">#REF!</definedName>
    <definedName name="_MAO010509" localSheetId="2">#REF!</definedName>
    <definedName name="_MAO010509">#REF!</definedName>
    <definedName name="_MAO010512" localSheetId="2">#REF!</definedName>
    <definedName name="_MAO010512">#REF!</definedName>
    <definedName name="_MAO010518" localSheetId="2">#REF!</definedName>
    <definedName name="_MAO010518">#REF!</definedName>
    <definedName name="_MAO010519" localSheetId="2">#REF!</definedName>
    <definedName name="_MAO010519">#REF!</definedName>
    <definedName name="_MAO010521" localSheetId="2">#REF!</definedName>
    <definedName name="_MAO010521">#REF!</definedName>
    <definedName name="_MAO010523" localSheetId="2">#REF!</definedName>
    <definedName name="_MAO010523">#REF!</definedName>
    <definedName name="_MAO010532" localSheetId="2">#REF!</definedName>
    <definedName name="_MAO010532">#REF!</definedName>
    <definedName name="_MAO010533" localSheetId="2">#REF!</definedName>
    <definedName name="_MAO010533">#REF!</definedName>
    <definedName name="_MAO010536" localSheetId="2">#REF!</definedName>
    <definedName name="_MAO010536">#REF!</definedName>
    <definedName name="_MAO010701" localSheetId="2">#REF!</definedName>
    <definedName name="_MAO010701">#REF!</definedName>
    <definedName name="_MAO010703" localSheetId="2">#REF!</definedName>
    <definedName name="_MAO010703">#REF!</definedName>
    <definedName name="_MAO010705" localSheetId="2">#REF!</definedName>
    <definedName name="_MAO010705">#REF!</definedName>
    <definedName name="_MAO010708" localSheetId="2">#REF!</definedName>
    <definedName name="_MAO010708">#REF!</definedName>
    <definedName name="_MAO010710" localSheetId="2">#REF!</definedName>
    <definedName name="_MAO010710">#REF!</definedName>
    <definedName name="_MAO010712" localSheetId="2">#REF!</definedName>
    <definedName name="_MAO010712">#REF!</definedName>
    <definedName name="_MAO010717" localSheetId="2">#REF!</definedName>
    <definedName name="_MAO010717">#REF!</definedName>
    <definedName name="_MAO020201" localSheetId="2">#REF!</definedName>
    <definedName name="_MAO020201">#REF!</definedName>
    <definedName name="_MAO020205" localSheetId="2">#REF!</definedName>
    <definedName name="_MAO020205">#REF!</definedName>
    <definedName name="_MAO020211" localSheetId="2">#REF!</definedName>
    <definedName name="_MAO020211">#REF!</definedName>
    <definedName name="_MAO020217" localSheetId="2">#REF!</definedName>
    <definedName name="_MAO020217">#REF!</definedName>
    <definedName name="_MAO030102" localSheetId="2">#REF!</definedName>
    <definedName name="_MAO030102">#REF!</definedName>
    <definedName name="_MAO030201" localSheetId="2">#REF!</definedName>
    <definedName name="_MAO030201">#REF!</definedName>
    <definedName name="_MAO030303" localSheetId="2">#REF!</definedName>
    <definedName name="_MAO030303">#REF!</definedName>
    <definedName name="_MAO030317" localSheetId="2">#REF!</definedName>
    <definedName name="_MAO030317">#REF!</definedName>
    <definedName name="_MAO040101" localSheetId="2">#REF!</definedName>
    <definedName name="_MAO040101">#REF!</definedName>
    <definedName name="_MAO040202" localSheetId="2">#REF!</definedName>
    <definedName name="_MAO040202">#REF!</definedName>
    <definedName name="_MAO050103" localSheetId="2">#REF!</definedName>
    <definedName name="_MAO050103">#REF!</definedName>
    <definedName name="_MAO050207" localSheetId="2">#REF!</definedName>
    <definedName name="_MAO050207">#REF!</definedName>
    <definedName name="_MAO060101" localSheetId="2">#REF!</definedName>
    <definedName name="_MAO060101">#REF!</definedName>
    <definedName name="_MAO080310" localSheetId="2">#REF!</definedName>
    <definedName name="_MAO080310">#REF!</definedName>
    <definedName name="_MAO090101" localSheetId="2">#REF!</definedName>
    <definedName name="_MAO090101">#REF!</definedName>
    <definedName name="_MAO110101" localSheetId="2">#REF!</definedName>
    <definedName name="_MAO110101">#REF!</definedName>
    <definedName name="_MAO110104" localSheetId="2">#REF!</definedName>
    <definedName name="_MAO110104">#REF!</definedName>
    <definedName name="_MAO110107" localSheetId="2">#REF!</definedName>
    <definedName name="_MAO110107">#REF!</definedName>
    <definedName name="_MAO120101" localSheetId="2">#REF!</definedName>
    <definedName name="_MAO120101">#REF!</definedName>
    <definedName name="_MAO120105" localSheetId="2">#REF!</definedName>
    <definedName name="_MAO120105">#REF!</definedName>
    <definedName name="_MAO120106" localSheetId="2">#REF!</definedName>
    <definedName name="_MAO120106">#REF!</definedName>
    <definedName name="_MAO120107" localSheetId="2">#REF!</definedName>
    <definedName name="_MAO120107">#REF!</definedName>
    <definedName name="_MAO120110" localSheetId="2">#REF!</definedName>
    <definedName name="_MAO120110">#REF!</definedName>
    <definedName name="_MAO120150" localSheetId="2">#REF!</definedName>
    <definedName name="_MAO120150">#REF!</definedName>
    <definedName name="_MAO130101" localSheetId="2">#REF!</definedName>
    <definedName name="_MAO130101">#REF!</definedName>
    <definedName name="_MAO130103" localSheetId="2">#REF!</definedName>
    <definedName name="_MAO130103">#REF!</definedName>
    <definedName name="_MAO130304" localSheetId="2">#REF!</definedName>
    <definedName name="_MAO130304">#REF!</definedName>
    <definedName name="_MAO130401" localSheetId="2">#REF!</definedName>
    <definedName name="_MAO130401">#REF!</definedName>
    <definedName name="_MAO140102" localSheetId="2">#REF!</definedName>
    <definedName name="_MAO140102">#REF!</definedName>
    <definedName name="_MAO140109" localSheetId="2">#REF!</definedName>
    <definedName name="_MAO140109">#REF!</definedName>
    <definedName name="_MAO140113" localSheetId="2">#REF!</definedName>
    <definedName name="_MAO140113">#REF!</definedName>
    <definedName name="_MAO140122" localSheetId="2">#REF!</definedName>
    <definedName name="_MAO140122">#REF!</definedName>
    <definedName name="_MAO140126" localSheetId="2">#REF!</definedName>
    <definedName name="_MAO140126">#REF!</definedName>
    <definedName name="_MAO140129" localSheetId="2">#REF!</definedName>
    <definedName name="_MAO140129">#REF!</definedName>
    <definedName name="_MAO140135" localSheetId="2">#REF!</definedName>
    <definedName name="_MAO140135">#REF!</definedName>
    <definedName name="_MAO140143" localSheetId="2">#REF!</definedName>
    <definedName name="_MAO140143">#REF!</definedName>
    <definedName name="_MAO140145" localSheetId="2">#REF!</definedName>
    <definedName name="_MAO140145">#REF!</definedName>
    <definedName name="_MAT010301" localSheetId="2">#REF!</definedName>
    <definedName name="_MAT010301">#REF!</definedName>
    <definedName name="_MAT010401" localSheetId="2">#REF!</definedName>
    <definedName name="_MAT010401">#REF!</definedName>
    <definedName name="_MAT010402" localSheetId="2">#REF!</definedName>
    <definedName name="_MAT010402">#REF!</definedName>
    <definedName name="_MAT010407" localSheetId="2">#REF!</definedName>
    <definedName name="_MAT010407">#REF!</definedName>
    <definedName name="_MAT010413" localSheetId="2">#REF!</definedName>
    <definedName name="_MAT010413">#REF!</definedName>
    <definedName name="_MAT010536" localSheetId="2">#REF!</definedName>
    <definedName name="_MAT010536">#REF!</definedName>
    <definedName name="_MAT010703" localSheetId="2">#REF!</definedName>
    <definedName name="_MAT010703">#REF!</definedName>
    <definedName name="_MAT010708" localSheetId="2">#REF!</definedName>
    <definedName name="_MAT010708">#REF!</definedName>
    <definedName name="_MAT010710" localSheetId="2">#REF!</definedName>
    <definedName name="_MAT010710">#REF!</definedName>
    <definedName name="_MAT010718" localSheetId="2">#REF!</definedName>
    <definedName name="_MAT010718">#REF!</definedName>
    <definedName name="_MAT020201" localSheetId="2">#REF!</definedName>
    <definedName name="_MAT020201">#REF!</definedName>
    <definedName name="_MAT020205" localSheetId="2">#REF!</definedName>
    <definedName name="_MAT020205">#REF!</definedName>
    <definedName name="_MAT020211" localSheetId="2">#REF!</definedName>
    <definedName name="_MAT020211">#REF!</definedName>
    <definedName name="_MAT030102" localSheetId="2">#REF!</definedName>
    <definedName name="_MAT030102">#REF!</definedName>
    <definedName name="_MAT030201" localSheetId="2">#REF!</definedName>
    <definedName name="_MAT030201">#REF!</definedName>
    <definedName name="_MAT030303" localSheetId="2">#REF!</definedName>
    <definedName name="_MAT030303">#REF!</definedName>
    <definedName name="_MAT030317" localSheetId="2">#REF!</definedName>
    <definedName name="_MAT030317">#REF!</definedName>
    <definedName name="_MAT040101" localSheetId="2">#REF!</definedName>
    <definedName name="_MAT040101">#REF!</definedName>
    <definedName name="_MAT040202" localSheetId="2">#REF!</definedName>
    <definedName name="_MAT040202">#REF!</definedName>
    <definedName name="_MAT050103" localSheetId="2">#REF!</definedName>
    <definedName name="_MAT050103">#REF!</definedName>
    <definedName name="_MAT050207" localSheetId="2">#REF!</definedName>
    <definedName name="_MAT050207">#REF!</definedName>
    <definedName name="_MAT060101" localSheetId="2">#REF!</definedName>
    <definedName name="_MAT060101">#REF!</definedName>
    <definedName name="_MAT080101" localSheetId="2">#REF!</definedName>
    <definedName name="_MAT080101">#REF!</definedName>
    <definedName name="_MAT080310" localSheetId="2">#REF!</definedName>
    <definedName name="_MAT080310">#REF!</definedName>
    <definedName name="_MAT090101" localSheetId="2">#REF!</definedName>
    <definedName name="_MAT090101">#REF!</definedName>
    <definedName name="_MAT100302" localSheetId="2">#REF!</definedName>
    <definedName name="_MAT100302">#REF!</definedName>
    <definedName name="_MAT110101" localSheetId="2">#REF!</definedName>
    <definedName name="_MAT110101">#REF!</definedName>
    <definedName name="_MAT110104" localSheetId="2">#REF!</definedName>
    <definedName name="_MAT110104">#REF!</definedName>
    <definedName name="_MAT110107" localSheetId="2">#REF!</definedName>
    <definedName name="_MAT110107">#REF!</definedName>
    <definedName name="_MAT120101" localSheetId="2">#REF!</definedName>
    <definedName name="_MAT120101">#REF!</definedName>
    <definedName name="_MAT120105" localSheetId="2">#REF!</definedName>
    <definedName name="_MAT120105">#REF!</definedName>
    <definedName name="_MAT120106" localSheetId="2">#REF!</definedName>
    <definedName name="_MAT120106">#REF!</definedName>
    <definedName name="_MAT120107" localSheetId="2">#REF!</definedName>
    <definedName name="_MAT120107">#REF!</definedName>
    <definedName name="_MAT120110" localSheetId="2">#REF!</definedName>
    <definedName name="_MAT120110">#REF!</definedName>
    <definedName name="_MAT120150" localSheetId="2">#REF!</definedName>
    <definedName name="_MAT120150">#REF!</definedName>
    <definedName name="_MAT130101" localSheetId="2">#REF!</definedName>
    <definedName name="_MAT130101">#REF!</definedName>
    <definedName name="_MAT130103" localSheetId="2">#REF!</definedName>
    <definedName name="_MAT130103">#REF!</definedName>
    <definedName name="_MAT130304" localSheetId="2">#REF!</definedName>
    <definedName name="_MAT130304">#REF!</definedName>
    <definedName name="_MAT130401" localSheetId="2">#REF!</definedName>
    <definedName name="_MAT130401">#REF!</definedName>
    <definedName name="_MAT140102" localSheetId="2">#REF!</definedName>
    <definedName name="_MAT140102">#REF!</definedName>
    <definedName name="_MAT140109" localSheetId="2">#REF!</definedName>
    <definedName name="_MAT140109">#REF!</definedName>
    <definedName name="_MAT140113" localSheetId="2">#REF!</definedName>
    <definedName name="_MAT140113">#REF!</definedName>
    <definedName name="_MAT140122" localSheetId="2">#REF!</definedName>
    <definedName name="_MAT140122">#REF!</definedName>
    <definedName name="_MAT140126" localSheetId="2">#REF!</definedName>
    <definedName name="_MAT140126">#REF!</definedName>
    <definedName name="_MAT140129" localSheetId="2">#REF!</definedName>
    <definedName name="_MAT140129">#REF!</definedName>
    <definedName name="_MAT140135" localSheetId="2">#REF!</definedName>
    <definedName name="_MAT140135">#REF!</definedName>
    <definedName name="_MAT140143" localSheetId="2">#REF!</definedName>
    <definedName name="_MAT140143">#REF!</definedName>
    <definedName name="_MAT140145" localSheetId="2">#REF!</definedName>
    <definedName name="_MAT140145">#REF!</definedName>
    <definedName name="_MAT150130" localSheetId="2">#REF!</definedName>
    <definedName name="_MAT150130">#REF!</definedName>
    <definedName name="_MAT170101" localSheetId="2">#REF!</definedName>
    <definedName name="_MAT170101">#REF!</definedName>
    <definedName name="_MAT170102" localSheetId="2">#REF!</definedName>
    <definedName name="_MAT170102">#REF!</definedName>
    <definedName name="_MAT170103" localSheetId="2">#REF!</definedName>
    <definedName name="_MAT170103">#REF!</definedName>
    <definedName name="_PRE010201" localSheetId="2">#REF!</definedName>
    <definedName name="_PRE010201">#REF!</definedName>
    <definedName name="_PRE010202" localSheetId="2">#REF!</definedName>
    <definedName name="_PRE010202">#REF!</definedName>
    <definedName name="_PRE010205" localSheetId="2">#REF!</definedName>
    <definedName name="_PRE010205">#REF!</definedName>
    <definedName name="_PRE010206" localSheetId="2">#REF!</definedName>
    <definedName name="_PRE010206">#REF!</definedName>
    <definedName name="_PRE010210" localSheetId="2">#REF!</definedName>
    <definedName name="_PRE010210">#REF!</definedName>
    <definedName name="_PRE010301" localSheetId="2">#REF!</definedName>
    <definedName name="_PRE010301">#REF!</definedName>
    <definedName name="_PRE010401" localSheetId="2">#REF!</definedName>
    <definedName name="_PRE010401">#REF!</definedName>
    <definedName name="_PRE010402" localSheetId="2">#REF!</definedName>
    <definedName name="_PRE010402">#REF!</definedName>
    <definedName name="_PRE010407" localSheetId="2">#REF!</definedName>
    <definedName name="_PRE010407">#REF!</definedName>
    <definedName name="_PRE010413" localSheetId="2">#REF!</definedName>
    <definedName name="_PRE010413">#REF!</definedName>
    <definedName name="_PRE010501" localSheetId="2">#REF!</definedName>
    <definedName name="_PRE010501">#REF!</definedName>
    <definedName name="_PRE010503" localSheetId="2">#REF!</definedName>
    <definedName name="_PRE010503">#REF!</definedName>
    <definedName name="_PRE010505" localSheetId="2">#REF!</definedName>
    <definedName name="_PRE010505">#REF!</definedName>
    <definedName name="_PRE010509" localSheetId="2">#REF!</definedName>
    <definedName name="_PRE010509">#REF!</definedName>
    <definedName name="_PRE010512" localSheetId="2">#REF!</definedName>
    <definedName name="_PRE010512">#REF!</definedName>
    <definedName name="_PRE010518" localSheetId="2">#REF!</definedName>
    <definedName name="_PRE010518">#REF!</definedName>
    <definedName name="_PRE010519" localSheetId="2">#REF!</definedName>
    <definedName name="_PRE010519">#REF!</definedName>
    <definedName name="_PRE010521" localSheetId="2">#REF!</definedName>
    <definedName name="_PRE010521">#REF!</definedName>
    <definedName name="_PRE010523" localSheetId="2">#REF!</definedName>
    <definedName name="_PRE010523">#REF!</definedName>
    <definedName name="_PRE010532" localSheetId="2">#REF!</definedName>
    <definedName name="_PRE010532">#REF!</definedName>
    <definedName name="_PRE010533" localSheetId="2">#REF!</definedName>
    <definedName name="_PRE010533">#REF!</definedName>
    <definedName name="_PRE010536" localSheetId="2">#REF!</definedName>
    <definedName name="_PRE010536">#REF!</definedName>
    <definedName name="_PRE010701" localSheetId="2">#REF!</definedName>
    <definedName name="_PRE010701">#REF!</definedName>
    <definedName name="_PRE010703" localSheetId="2">#REF!</definedName>
    <definedName name="_PRE010703">#REF!</definedName>
    <definedName name="_PRE010705" localSheetId="2">#REF!</definedName>
    <definedName name="_PRE010705">#REF!</definedName>
    <definedName name="_PRE010708" localSheetId="2">#REF!</definedName>
    <definedName name="_PRE010708">#REF!</definedName>
    <definedName name="_PRE010710" localSheetId="2">#REF!</definedName>
    <definedName name="_PRE010710">#REF!</definedName>
    <definedName name="_PRE010712" localSheetId="2">#REF!</definedName>
    <definedName name="_PRE010712">#REF!</definedName>
    <definedName name="_PRE010717" localSheetId="2">#REF!</definedName>
    <definedName name="_PRE010717">#REF!</definedName>
    <definedName name="_PRE010718" localSheetId="2">#REF!</definedName>
    <definedName name="_PRE010718">#REF!</definedName>
    <definedName name="_PRE020201" localSheetId="2">#REF!</definedName>
    <definedName name="_PRE020201">#REF!</definedName>
    <definedName name="_PRE020205" localSheetId="2">#REF!</definedName>
    <definedName name="_PRE020205">#REF!</definedName>
    <definedName name="_PRE020211" localSheetId="2">#REF!</definedName>
    <definedName name="_PRE020211">#REF!</definedName>
    <definedName name="_PRE020217" localSheetId="2">#REF!</definedName>
    <definedName name="_PRE020217">#REF!</definedName>
    <definedName name="_PRE030102" localSheetId="2">#REF!</definedName>
    <definedName name="_PRE030102">#REF!</definedName>
    <definedName name="_PRE030201" localSheetId="2">#REF!</definedName>
    <definedName name="_PRE030201">#REF!</definedName>
    <definedName name="_PRE030303" localSheetId="2">#REF!</definedName>
    <definedName name="_PRE030303">#REF!</definedName>
    <definedName name="_PRE030317" localSheetId="2">#REF!</definedName>
    <definedName name="_PRE030317">#REF!</definedName>
    <definedName name="_PRE040101" localSheetId="2">#REF!</definedName>
    <definedName name="_PRE040101">#REF!</definedName>
    <definedName name="_PRE040202" localSheetId="2">#REF!</definedName>
    <definedName name="_PRE040202">#REF!</definedName>
    <definedName name="_PRE050103" localSheetId="2">#REF!</definedName>
    <definedName name="_PRE050103">#REF!</definedName>
    <definedName name="_PRE050207" localSheetId="2">#REF!</definedName>
    <definedName name="_PRE050207">#REF!</definedName>
    <definedName name="_PRE060101" localSheetId="2">#REF!</definedName>
    <definedName name="_PRE060101">#REF!</definedName>
    <definedName name="_PRE080101" localSheetId="2">#REF!</definedName>
    <definedName name="_PRE080101">#REF!</definedName>
    <definedName name="_PRE080310" localSheetId="2">#REF!</definedName>
    <definedName name="_PRE080310">#REF!</definedName>
    <definedName name="_PRE090101" localSheetId="2">#REF!</definedName>
    <definedName name="_PRE090101">#REF!</definedName>
    <definedName name="_PRE100302" localSheetId="2">#REF!</definedName>
    <definedName name="_PRE100302">#REF!</definedName>
    <definedName name="_PRE110101" localSheetId="2">#REF!</definedName>
    <definedName name="_PRE110101">#REF!</definedName>
    <definedName name="_PRE110104" localSheetId="2">#REF!</definedName>
    <definedName name="_PRE110104">#REF!</definedName>
    <definedName name="_PRE110107" localSheetId="2">#REF!</definedName>
    <definedName name="_PRE110107">#REF!</definedName>
    <definedName name="_PRE120101" localSheetId="2">#REF!</definedName>
    <definedName name="_PRE120101">#REF!</definedName>
    <definedName name="_PRE120105" localSheetId="2">#REF!</definedName>
    <definedName name="_PRE120105">#REF!</definedName>
    <definedName name="_PRE120106" localSheetId="2">#REF!</definedName>
    <definedName name="_PRE120106">#REF!</definedName>
    <definedName name="_PRE120107" localSheetId="2">#REF!</definedName>
    <definedName name="_PRE120107">#REF!</definedName>
    <definedName name="_PRE120110" localSheetId="2">#REF!</definedName>
    <definedName name="_PRE120110">#REF!</definedName>
    <definedName name="_PRE120150" localSheetId="2">#REF!</definedName>
    <definedName name="_PRE120150">#REF!</definedName>
    <definedName name="_PRE130101" localSheetId="2">#REF!</definedName>
    <definedName name="_PRE130101">#REF!</definedName>
    <definedName name="_PRE130103" localSheetId="2">#REF!</definedName>
    <definedName name="_PRE130103">#REF!</definedName>
    <definedName name="_PRE130304" localSheetId="2">#REF!</definedName>
    <definedName name="_PRE130304">#REF!</definedName>
    <definedName name="_PRE130401" localSheetId="2">#REF!</definedName>
    <definedName name="_PRE130401">#REF!</definedName>
    <definedName name="_PRE140102" localSheetId="2">#REF!</definedName>
    <definedName name="_PRE140102">#REF!</definedName>
    <definedName name="_PRE140109" localSheetId="2">#REF!</definedName>
    <definedName name="_PRE140109">#REF!</definedName>
    <definedName name="_PRE140113" localSheetId="2">#REF!</definedName>
    <definedName name="_PRE140113">#REF!</definedName>
    <definedName name="_PRE140122" localSheetId="2">#REF!</definedName>
    <definedName name="_PRE140122">#REF!</definedName>
    <definedName name="_PRE140126" localSheetId="2">#REF!</definedName>
    <definedName name="_PRE140126">#REF!</definedName>
    <definedName name="_PRE140129" localSheetId="2">#REF!</definedName>
    <definedName name="_PRE140129">#REF!</definedName>
    <definedName name="_PRE140135" localSheetId="2">#REF!</definedName>
    <definedName name="_PRE140135">#REF!</definedName>
    <definedName name="_PRE140143" localSheetId="2">#REF!</definedName>
    <definedName name="_PRE140143">#REF!</definedName>
    <definedName name="_PRE140145" localSheetId="2">#REF!</definedName>
    <definedName name="_PRE140145">#REF!</definedName>
    <definedName name="_PRE150130" localSheetId="2">#REF!</definedName>
    <definedName name="_PRE150130">#REF!</definedName>
    <definedName name="_PRE170101" localSheetId="2">#REF!</definedName>
    <definedName name="_PRE170101">#REF!</definedName>
    <definedName name="_PRE170102" localSheetId="2">#REF!</definedName>
    <definedName name="_PRE170102">#REF!</definedName>
    <definedName name="_PRE170103" localSheetId="2">#REF!</definedName>
    <definedName name="_PRE170103">#REF!</definedName>
    <definedName name="_QUA010201" localSheetId="2">#REF!</definedName>
    <definedName name="_QUA010201">#REF!</definedName>
    <definedName name="_QUA010202" localSheetId="2">#REF!</definedName>
    <definedName name="_QUA010202">#REF!</definedName>
    <definedName name="_QUA010205" localSheetId="2">#REF!</definedName>
    <definedName name="_QUA010205">#REF!</definedName>
    <definedName name="_QUA010206" localSheetId="2">#REF!</definedName>
    <definedName name="_QUA010206">#REF!</definedName>
    <definedName name="_QUA010210" localSheetId="2">#REF!</definedName>
    <definedName name="_QUA010210">#REF!</definedName>
    <definedName name="_QUA010301" localSheetId="2">#REF!</definedName>
    <definedName name="_QUA010301">#REF!</definedName>
    <definedName name="_QUA010401" localSheetId="2">#REF!</definedName>
    <definedName name="_QUA010401">#REF!</definedName>
    <definedName name="_QUA010402" localSheetId="2">#REF!</definedName>
    <definedName name="_QUA010402">#REF!</definedName>
    <definedName name="_QUA010407" localSheetId="2">#REF!</definedName>
    <definedName name="_QUA010407">#REF!</definedName>
    <definedName name="_QUA010413" localSheetId="2">#REF!</definedName>
    <definedName name="_QUA010413">#REF!</definedName>
    <definedName name="_QUA010501" localSheetId="2">#REF!</definedName>
    <definedName name="_QUA010501">#REF!</definedName>
    <definedName name="_QUA010503" localSheetId="2">#REF!</definedName>
    <definedName name="_QUA010503">#REF!</definedName>
    <definedName name="_QUA010505" localSheetId="2">#REF!</definedName>
    <definedName name="_QUA010505">#REF!</definedName>
    <definedName name="_QUA010509" localSheetId="2">#REF!</definedName>
    <definedName name="_QUA010509">#REF!</definedName>
    <definedName name="_QUA010512" localSheetId="2">#REF!</definedName>
    <definedName name="_QUA010512">#REF!</definedName>
    <definedName name="_QUA010518" localSheetId="2">#REF!</definedName>
    <definedName name="_QUA010518">#REF!</definedName>
    <definedName name="_QUA010519" localSheetId="2">#REF!</definedName>
    <definedName name="_QUA010519">#REF!</definedName>
    <definedName name="_QUA010521" localSheetId="2">#REF!</definedName>
    <definedName name="_QUA010521">#REF!</definedName>
    <definedName name="_QUA010523" localSheetId="2">#REF!</definedName>
    <definedName name="_QUA010523">#REF!</definedName>
    <definedName name="_QUA010532" localSheetId="2">#REF!</definedName>
    <definedName name="_QUA010532">#REF!</definedName>
    <definedName name="_QUA010533" localSheetId="2">#REF!</definedName>
    <definedName name="_QUA010533">#REF!</definedName>
    <definedName name="_QUA010536" localSheetId="2">#REF!</definedName>
    <definedName name="_QUA010536">#REF!</definedName>
    <definedName name="_QUA010701" localSheetId="2">#REF!</definedName>
    <definedName name="_QUA010701">#REF!</definedName>
    <definedName name="_QUA010703" localSheetId="2">#REF!</definedName>
    <definedName name="_QUA010703">#REF!</definedName>
    <definedName name="_QUA010705" localSheetId="2">#REF!</definedName>
    <definedName name="_QUA010705">#REF!</definedName>
    <definedName name="_QUA010708" localSheetId="2">#REF!</definedName>
    <definedName name="_QUA010708">#REF!</definedName>
    <definedName name="_QUA010710" localSheetId="2">#REF!</definedName>
    <definedName name="_QUA010710">#REF!</definedName>
    <definedName name="_QUA010712" localSheetId="2">#REF!</definedName>
    <definedName name="_QUA010712">#REF!</definedName>
    <definedName name="_QUA010717" localSheetId="2">#REF!</definedName>
    <definedName name="_QUA010717">#REF!</definedName>
    <definedName name="_QUA010718" localSheetId="2">#REF!</definedName>
    <definedName name="_QUA010718">#REF!</definedName>
    <definedName name="_QUA020201" localSheetId="2">#REF!</definedName>
    <definedName name="_QUA020201">#REF!</definedName>
    <definedName name="_QUA020205" localSheetId="2">#REF!</definedName>
    <definedName name="_QUA020205">#REF!</definedName>
    <definedName name="_QUA020211" localSheetId="2">#REF!</definedName>
    <definedName name="_QUA020211">#REF!</definedName>
    <definedName name="_QUA020217" localSheetId="2">#REF!</definedName>
    <definedName name="_QUA020217">#REF!</definedName>
    <definedName name="_QUA030102" localSheetId="2">#REF!</definedName>
    <definedName name="_QUA030102">#REF!</definedName>
    <definedName name="_QUA030201" localSheetId="2">#REF!</definedName>
    <definedName name="_QUA030201">#REF!</definedName>
    <definedName name="_QUA030303" localSheetId="2">#REF!</definedName>
    <definedName name="_QUA030303">#REF!</definedName>
    <definedName name="_QUA030317" localSheetId="2">#REF!</definedName>
    <definedName name="_QUA030317">#REF!</definedName>
    <definedName name="_QUA040101" localSheetId="2">#REF!</definedName>
    <definedName name="_QUA040101">#REF!</definedName>
    <definedName name="_QUA040202" localSheetId="2">#REF!</definedName>
    <definedName name="_QUA040202">#REF!</definedName>
    <definedName name="_QUA050103" localSheetId="2">#REF!</definedName>
    <definedName name="_QUA050103">#REF!</definedName>
    <definedName name="_QUA050207" localSheetId="2">#REF!</definedName>
    <definedName name="_QUA050207">#REF!</definedName>
    <definedName name="_QUA060101" localSheetId="2">#REF!</definedName>
    <definedName name="_QUA060101">#REF!</definedName>
    <definedName name="_QUA080101" localSheetId="2">#REF!</definedName>
    <definedName name="_QUA080101">#REF!</definedName>
    <definedName name="_QUA080310" localSheetId="2">#REF!</definedName>
    <definedName name="_QUA080310">#REF!</definedName>
    <definedName name="_QUA090101" localSheetId="2">#REF!</definedName>
    <definedName name="_QUA090101">#REF!</definedName>
    <definedName name="_QUA100302" localSheetId="2">#REF!</definedName>
    <definedName name="_QUA100302">#REF!</definedName>
    <definedName name="_QUA110101" localSheetId="2">#REF!</definedName>
    <definedName name="_QUA110101">#REF!</definedName>
    <definedName name="_QUA110104" localSheetId="2">#REF!</definedName>
    <definedName name="_QUA110104">#REF!</definedName>
    <definedName name="_QUA110107" localSheetId="2">#REF!</definedName>
    <definedName name="_QUA110107">#REF!</definedName>
    <definedName name="_QUA120101" localSheetId="2">#REF!</definedName>
    <definedName name="_QUA120101">#REF!</definedName>
    <definedName name="_QUA120105" localSheetId="2">#REF!</definedName>
    <definedName name="_QUA120105">#REF!</definedName>
    <definedName name="_QUA120106" localSheetId="2">#REF!</definedName>
    <definedName name="_QUA120106">#REF!</definedName>
    <definedName name="_QUA120107" localSheetId="2">#REF!</definedName>
    <definedName name="_QUA120107">#REF!</definedName>
    <definedName name="_QUA120110" localSheetId="2">#REF!</definedName>
    <definedName name="_QUA120110">#REF!</definedName>
    <definedName name="_QUA120150" localSheetId="2">#REF!</definedName>
    <definedName name="_QUA120150">#REF!</definedName>
    <definedName name="_QUA130101" localSheetId="2">#REF!</definedName>
    <definedName name="_QUA130101">#REF!</definedName>
    <definedName name="_QUA130103" localSheetId="2">#REF!</definedName>
    <definedName name="_QUA130103">#REF!</definedName>
    <definedName name="_QUA130304" localSheetId="2">#REF!</definedName>
    <definedName name="_QUA130304">#REF!</definedName>
    <definedName name="_QUA130401" localSheetId="2">#REF!</definedName>
    <definedName name="_QUA130401">#REF!</definedName>
    <definedName name="_QUA140102" localSheetId="2">#REF!</definedName>
    <definedName name="_QUA140102">#REF!</definedName>
    <definedName name="_QUA140109" localSheetId="2">#REF!</definedName>
    <definedName name="_QUA140109">#REF!</definedName>
    <definedName name="_QUA140113" localSheetId="2">#REF!</definedName>
    <definedName name="_QUA140113">#REF!</definedName>
    <definedName name="_QUA140122" localSheetId="2">#REF!</definedName>
    <definedName name="_QUA140122">#REF!</definedName>
    <definedName name="_QUA140126" localSheetId="2">#REF!</definedName>
    <definedName name="_QUA140126">#REF!</definedName>
    <definedName name="_QUA140129" localSheetId="2">#REF!</definedName>
    <definedName name="_QUA140129">#REF!</definedName>
    <definedName name="_QUA140135" localSheetId="2">#REF!</definedName>
    <definedName name="_QUA140135">#REF!</definedName>
    <definedName name="_QUA140143" localSheetId="2">#REF!</definedName>
    <definedName name="_QUA140143">#REF!</definedName>
    <definedName name="_QUA140145" localSheetId="2">#REF!</definedName>
    <definedName name="_QUA140145">#REF!</definedName>
    <definedName name="_QUA150130" localSheetId="2">#REF!</definedName>
    <definedName name="_QUA150130">#REF!</definedName>
    <definedName name="_QUA170101" localSheetId="2">#REF!</definedName>
    <definedName name="_QUA170101">#REF!</definedName>
    <definedName name="_QUA170102" localSheetId="2">#REF!</definedName>
    <definedName name="_QUA170102">#REF!</definedName>
    <definedName name="_QUA170103" localSheetId="2">#REF!</definedName>
    <definedName name="_QUA170103">#REF!</definedName>
    <definedName name="_R" localSheetId="2">#REF!</definedName>
    <definedName name="_R">#REF!</definedName>
    <definedName name="_REC11100" localSheetId="2">#REF!</definedName>
    <definedName name="_REC11100">#REF!</definedName>
    <definedName name="_REC11110" localSheetId="2">#REF!</definedName>
    <definedName name="_REC11110">#REF!</definedName>
    <definedName name="_REC11115" localSheetId="2">#REF!</definedName>
    <definedName name="_REC11115">#REF!</definedName>
    <definedName name="_REC11125" localSheetId="2">#REF!</definedName>
    <definedName name="_REC11125">#REF!</definedName>
    <definedName name="_REC11130" localSheetId="2">#REF!</definedName>
    <definedName name="_REC11130">#REF!</definedName>
    <definedName name="_REC11135" localSheetId="2">#REF!</definedName>
    <definedName name="_REC11135">#REF!</definedName>
    <definedName name="_REC11145" localSheetId="2">#REF!</definedName>
    <definedName name="_REC11145">#REF!</definedName>
    <definedName name="_REC11150" localSheetId="2">#REF!</definedName>
    <definedName name="_REC11150">#REF!</definedName>
    <definedName name="_REC11165" localSheetId="2">#REF!</definedName>
    <definedName name="_REC11165">#REF!</definedName>
    <definedName name="_REC11170" localSheetId="2">#REF!</definedName>
    <definedName name="_REC11170">#REF!</definedName>
    <definedName name="_REC11180" localSheetId="2">#REF!</definedName>
    <definedName name="_REC11180">#REF!</definedName>
    <definedName name="_REC11185" localSheetId="2">#REF!</definedName>
    <definedName name="_REC11185">#REF!</definedName>
    <definedName name="_REC11220" localSheetId="2">#REF!</definedName>
    <definedName name="_REC11220">#REF!</definedName>
    <definedName name="_REC12105" localSheetId="2">#REF!</definedName>
    <definedName name="_REC12105">#REF!</definedName>
    <definedName name="_REC12555" localSheetId="2">#REF!</definedName>
    <definedName name="_REC12555">#REF!</definedName>
    <definedName name="_REC12570" localSheetId="2">#REF!</definedName>
    <definedName name="_REC12570">#REF!</definedName>
    <definedName name="_REC12575" localSheetId="2">#REF!</definedName>
    <definedName name="_REC12575">#REF!</definedName>
    <definedName name="_REC12580" localSheetId="2">#REF!</definedName>
    <definedName name="_REC12580">#REF!</definedName>
    <definedName name="_REC12600" localSheetId="2">#REF!</definedName>
    <definedName name="_REC12600">#REF!</definedName>
    <definedName name="_REC12610" localSheetId="2">#REF!</definedName>
    <definedName name="_REC12610">#REF!</definedName>
    <definedName name="_REC12630" localSheetId="2">#REF!</definedName>
    <definedName name="_REC12630">#REF!</definedName>
    <definedName name="_REC12631" localSheetId="2">#REF!</definedName>
    <definedName name="_REC12631">#REF!</definedName>
    <definedName name="_REC12640" localSheetId="2">#REF!</definedName>
    <definedName name="_REC12640">#REF!</definedName>
    <definedName name="_REC12645" localSheetId="2">#REF!</definedName>
    <definedName name="_REC12645">#REF!</definedName>
    <definedName name="_REC12665" localSheetId="2">#REF!</definedName>
    <definedName name="_REC12665">#REF!</definedName>
    <definedName name="_REC12690" localSheetId="2">#REF!</definedName>
    <definedName name="_REC12690">#REF!</definedName>
    <definedName name="_REC12700" localSheetId="2">#REF!</definedName>
    <definedName name="_REC12700">#REF!</definedName>
    <definedName name="_REC12710" localSheetId="2">#REF!</definedName>
    <definedName name="_REC12710">#REF!</definedName>
    <definedName name="_REC13111" localSheetId="2">#REF!</definedName>
    <definedName name="_REC13111">#REF!</definedName>
    <definedName name="_REC13112" localSheetId="2">#REF!</definedName>
    <definedName name="_REC13112">#REF!</definedName>
    <definedName name="_REC13121" localSheetId="2">#REF!</definedName>
    <definedName name="_REC13121">#REF!</definedName>
    <definedName name="_REC13720" localSheetId="2">#REF!</definedName>
    <definedName name="_REC13720">#REF!</definedName>
    <definedName name="_REC14100" localSheetId="2">#REF!</definedName>
    <definedName name="_REC14100">#REF!</definedName>
    <definedName name="_REC14161" localSheetId="2">#REF!</definedName>
    <definedName name="_REC14161">#REF!</definedName>
    <definedName name="_REC14195" localSheetId="2">#REF!</definedName>
    <definedName name="_REC14195">#REF!</definedName>
    <definedName name="_REC14205" localSheetId="2">#REF!</definedName>
    <definedName name="_REC14205">#REF!</definedName>
    <definedName name="_REC14260" localSheetId="2">#REF!</definedName>
    <definedName name="_REC14260">#REF!</definedName>
    <definedName name="_REC14500" localSheetId="2">#REF!</definedName>
    <definedName name="_REC14500">#REF!</definedName>
    <definedName name="_REC14515" localSheetId="2">#REF!</definedName>
    <definedName name="_REC14515">#REF!</definedName>
    <definedName name="_REC14555" localSheetId="2">#REF!</definedName>
    <definedName name="_REC14555">#REF!</definedName>
    <definedName name="_REC14565" localSheetId="2">#REF!</definedName>
    <definedName name="_REC14565">#REF!</definedName>
    <definedName name="_REC15135" localSheetId="2">#REF!</definedName>
    <definedName name="_REC15135">#REF!</definedName>
    <definedName name="_REC15140" localSheetId="2">#REF!</definedName>
    <definedName name="_REC15140">#REF!</definedName>
    <definedName name="_REC15195" localSheetId="2">#REF!</definedName>
    <definedName name="_REC15195">#REF!</definedName>
    <definedName name="_REC15225" localSheetId="2">#REF!</definedName>
    <definedName name="_REC15225">#REF!</definedName>
    <definedName name="_REC15230" localSheetId="2">#REF!</definedName>
    <definedName name="_REC15230">#REF!</definedName>
    <definedName name="_REC15515" localSheetId="2">#REF!</definedName>
    <definedName name="_REC15515">#REF!</definedName>
    <definedName name="_REC15560" localSheetId="2">#REF!</definedName>
    <definedName name="_REC15560">#REF!</definedName>
    <definedName name="_REC15565" localSheetId="2">#REF!</definedName>
    <definedName name="_REC15565">#REF!</definedName>
    <definedName name="_REC15570" localSheetId="2">#REF!</definedName>
    <definedName name="_REC15570">#REF!</definedName>
    <definedName name="_REC15575" localSheetId="2">#REF!</definedName>
    <definedName name="_REC15575">#REF!</definedName>
    <definedName name="_REC15583" localSheetId="2">#REF!</definedName>
    <definedName name="_REC15583">#REF!</definedName>
    <definedName name="_REC15590" localSheetId="2">#REF!</definedName>
    <definedName name="_REC15590">#REF!</definedName>
    <definedName name="_REC15591" localSheetId="2">#REF!</definedName>
    <definedName name="_REC15591">#REF!</definedName>
    <definedName name="_REC15610" localSheetId="2">#REF!</definedName>
    <definedName name="_REC15610">#REF!</definedName>
    <definedName name="_REC15625" localSheetId="2">#REF!</definedName>
    <definedName name="_REC15625">#REF!</definedName>
    <definedName name="_REC15635" localSheetId="2">#REF!</definedName>
    <definedName name="_REC15635">#REF!</definedName>
    <definedName name="_REC15655" localSheetId="2">#REF!</definedName>
    <definedName name="_REC15655">#REF!</definedName>
    <definedName name="_REC15665" localSheetId="2">#REF!</definedName>
    <definedName name="_REC15665">#REF!</definedName>
    <definedName name="_REC16515" localSheetId="2">#REF!</definedName>
    <definedName name="_REC16515">#REF!</definedName>
    <definedName name="_REC16535" localSheetId="2">#REF!</definedName>
    <definedName name="_REC16535">#REF!</definedName>
    <definedName name="_REC17140" localSheetId="2">#REF!</definedName>
    <definedName name="_REC17140">#REF!</definedName>
    <definedName name="_REC19500" localSheetId="2">#REF!</definedName>
    <definedName name="_REC19500">#REF!</definedName>
    <definedName name="_REC19501" localSheetId="2">#REF!</definedName>
    <definedName name="_REC19501">#REF!</definedName>
    <definedName name="_REC19502" localSheetId="2">#REF!</definedName>
    <definedName name="_REC19502">#REF!</definedName>
    <definedName name="_REC19503" localSheetId="2">#REF!</definedName>
    <definedName name="_REC19503">#REF!</definedName>
    <definedName name="_REC19504" localSheetId="2">#REF!</definedName>
    <definedName name="_REC19504">#REF!</definedName>
    <definedName name="_REC19505" localSheetId="2">#REF!</definedName>
    <definedName name="_REC19505">#REF!</definedName>
    <definedName name="_REC20100" localSheetId="2">#REF!</definedName>
    <definedName name="_REC20100">#REF!</definedName>
    <definedName name="_REC20105" localSheetId="2">#REF!</definedName>
    <definedName name="_REC20105">#REF!</definedName>
    <definedName name="_REC20110" localSheetId="2">#REF!</definedName>
    <definedName name="_REC20110">#REF!</definedName>
    <definedName name="_REC20115" localSheetId="2">#REF!</definedName>
    <definedName name="_REC20115">#REF!</definedName>
    <definedName name="_REC20130" localSheetId="2">#REF!</definedName>
    <definedName name="_REC20130">#REF!</definedName>
    <definedName name="_REC20135" localSheetId="2">#REF!</definedName>
    <definedName name="_REC20135">#REF!</definedName>
    <definedName name="_REC20140" localSheetId="2">#REF!</definedName>
    <definedName name="_REC20140">#REF!</definedName>
    <definedName name="_REC20145" localSheetId="2">#REF!</definedName>
    <definedName name="_REC20145">#REF!</definedName>
    <definedName name="_REC20150" localSheetId="2">#REF!</definedName>
    <definedName name="_REC20150">#REF!</definedName>
    <definedName name="_REC20155" localSheetId="2">#REF!</definedName>
    <definedName name="_REC20155">#REF!</definedName>
    <definedName name="_REC20175" localSheetId="2">#REF!</definedName>
    <definedName name="_REC20175">#REF!</definedName>
    <definedName name="_REC20185" localSheetId="2">#REF!</definedName>
    <definedName name="_REC20185">#REF!</definedName>
    <definedName name="_REC20190" localSheetId="2">#REF!</definedName>
    <definedName name="_REC20190">#REF!</definedName>
    <definedName name="_REC20195" localSheetId="2">#REF!</definedName>
    <definedName name="_REC20195">#REF!</definedName>
    <definedName name="_REC20210" localSheetId="2">#REF!</definedName>
    <definedName name="_REC20210">#REF!</definedName>
    <definedName name="_RET1">[1]Regula!$J$36</definedName>
    <definedName name="_s" localSheetId="2">#REF!</definedName>
    <definedName name="_s">#REF!</definedName>
    <definedName name="_svi2">#N/A</definedName>
    <definedName name="_svi2_10">#N/A</definedName>
    <definedName name="_svi2_11">#N/A</definedName>
    <definedName name="_svi2_12">#N/A</definedName>
    <definedName name="_svi2_13">#N/A</definedName>
    <definedName name="_svi2_14">#N/A</definedName>
    <definedName name="_svi2_15">#N/A</definedName>
    <definedName name="_svi2_16">#N/A</definedName>
    <definedName name="_svi2_17">#N/A</definedName>
    <definedName name="_svi2_18">#N/A</definedName>
    <definedName name="_svi2_19">#N/A</definedName>
    <definedName name="_svi2_20">#N/A</definedName>
    <definedName name="_svi2_22">#N/A</definedName>
    <definedName name="_svi2_23">#N/A</definedName>
    <definedName name="_svi2_24">#N/A</definedName>
    <definedName name="_svi2_25">#N/A</definedName>
    <definedName name="_svi2_26">#N/A</definedName>
    <definedName name="_svi2_27">#N/A</definedName>
    <definedName name="_svi2_28">#N/A</definedName>
    <definedName name="_svi2_29">#N/A</definedName>
    <definedName name="_svi2_30">#N/A</definedName>
    <definedName name="_svi2_31">#N/A</definedName>
    <definedName name="_svi2_32">#N/A</definedName>
    <definedName name="_svi2_33">#N/A</definedName>
    <definedName name="_svi2_34">#N/A</definedName>
    <definedName name="_svi2_35">#N/A</definedName>
    <definedName name="_svi2_36">#N/A</definedName>
    <definedName name="_svi2_37">#N/A</definedName>
    <definedName name="_svi2_38">#N/A</definedName>
    <definedName name="_svi2_39">#N/A</definedName>
    <definedName name="_svi2_40">#N/A</definedName>
    <definedName name="_svi2_41">#N/A</definedName>
    <definedName name="_svi2_42">#N/A</definedName>
    <definedName name="_svi2_43">#N/A</definedName>
    <definedName name="_svi2_44">#N/A</definedName>
    <definedName name="_svi2_45">#N/A</definedName>
    <definedName name="_svi2_46">#N/A</definedName>
    <definedName name="_svi2_47">#N/A</definedName>
    <definedName name="_svi2_48">#N/A</definedName>
    <definedName name="_svi2_49">#N/A</definedName>
    <definedName name="_svi2_5">#N/A</definedName>
    <definedName name="_svi2_50">#N/A</definedName>
    <definedName name="_svi2_51">#N/A</definedName>
    <definedName name="_svi2_52">#N/A</definedName>
    <definedName name="_svi2_53">#N/A</definedName>
    <definedName name="_svi2_54">#N/A</definedName>
    <definedName name="_svi2_55">#N/A</definedName>
    <definedName name="_svi2_56">#N/A</definedName>
    <definedName name="_svi2_57">#N/A</definedName>
    <definedName name="_svi2_58">#N/A</definedName>
    <definedName name="_svi2_6">#N/A</definedName>
    <definedName name="_svi2_60">#N/A</definedName>
    <definedName name="_svi2_61">#N/A</definedName>
    <definedName name="_svi2_62">#N/A</definedName>
    <definedName name="_svi2_63">#N/A</definedName>
    <definedName name="_svi2_64">#N/A</definedName>
    <definedName name="_svi2_65">#N/A</definedName>
    <definedName name="_svi2_66">#N/A</definedName>
    <definedName name="_svi2_67">#N/A</definedName>
    <definedName name="_svi2_68">#N/A</definedName>
    <definedName name="_svi2_69">#N/A</definedName>
    <definedName name="_svi2_7">#N/A</definedName>
    <definedName name="_svi2_70">#N/A</definedName>
    <definedName name="_svi2_71">#N/A</definedName>
    <definedName name="_svi2_72">#N/A</definedName>
    <definedName name="_svi2_73">#N/A</definedName>
    <definedName name="_svi2_74">#N/A</definedName>
    <definedName name="_svi2_75">#N/A</definedName>
    <definedName name="_svi2_76">#N/A</definedName>
    <definedName name="_svi2_77">#N/A</definedName>
    <definedName name="_svi2_78">#N/A</definedName>
    <definedName name="_svi2_79">#N/A</definedName>
    <definedName name="_svi2_8">#N/A</definedName>
    <definedName name="_svi2_80">#N/A</definedName>
    <definedName name="_svi2_81">#N/A</definedName>
    <definedName name="_svi2_82">#N/A</definedName>
    <definedName name="_svi2_83">#N/A</definedName>
    <definedName name="_svi2_85">#N/A</definedName>
    <definedName name="_svi2_86">#N/A</definedName>
    <definedName name="_svi2_87">#N/A</definedName>
    <definedName name="_svi2_88">#N/A</definedName>
    <definedName name="_svi2_9">#N/A</definedName>
    <definedName name="_svi2_92">#N/A</definedName>
    <definedName name="_svi2_98">#N/A</definedName>
    <definedName name="_t" localSheetId="2">#REF!</definedName>
    <definedName name="_t">#REF!</definedName>
    <definedName name="_Toc189039386_1" localSheetId="2">[3]ORÇAMENTO!#REF!</definedName>
    <definedName name="_Toc189039386_1">[3]ORÇAMENTO!#REF!</definedName>
    <definedName name="_TT102" localSheetId="2">'[2]Relatório-1ª med.'!#REF!</definedName>
    <definedName name="_TT102">'[2]Relatório-1ª med.'!#REF!</definedName>
    <definedName name="_TT107" localSheetId="2">'[2]Relatório-1ª med.'!#REF!</definedName>
    <definedName name="_TT107">'[2]Relatório-1ª med.'!#REF!</definedName>
    <definedName name="_TT121" localSheetId="2">'[2]Relatório-1ª med.'!#REF!</definedName>
    <definedName name="_TT121">'[2]Relatório-1ª med.'!#REF!</definedName>
    <definedName name="_TT123" localSheetId="2">'[2]Relatório-1ª med.'!#REF!</definedName>
    <definedName name="_TT123">'[2]Relatório-1ª med.'!#REF!</definedName>
    <definedName name="_TT19" localSheetId="2">'[2]Relatório-1ª med.'!#REF!</definedName>
    <definedName name="_TT19">'[2]Relatório-1ª med.'!#REF!</definedName>
    <definedName name="_TT20" localSheetId="2">'[2]Relatório-1ª med.'!#REF!</definedName>
    <definedName name="_TT20">'[2]Relatório-1ª med.'!#REF!</definedName>
    <definedName name="_TT21" localSheetId="2">'[2]Relatório-1ª med.'!#REF!</definedName>
    <definedName name="_TT21">'[2]Relatório-1ª med.'!#REF!</definedName>
    <definedName name="_TT22" localSheetId="2">'[2]Relatório-1ª med.'!#REF!</definedName>
    <definedName name="_TT22">'[2]Relatório-1ª med.'!#REF!</definedName>
    <definedName name="_TT26" localSheetId="2">'[2]Relatório-1ª med.'!#REF!</definedName>
    <definedName name="_TT26">'[2]Relatório-1ª med.'!#REF!</definedName>
    <definedName name="_TT27" localSheetId="2">'[2]Relatório-1ª med.'!#REF!</definedName>
    <definedName name="_TT27">'[2]Relatório-1ª med.'!#REF!</definedName>
    <definedName name="_TT28" localSheetId="2">'[2]Relatório-1ª med.'!#REF!</definedName>
    <definedName name="_TT28">'[2]Relatório-1ª med.'!#REF!</definedName>
    <definedName name="_TT30" localSheetId="2">'[2]Relatório-1ª med.'!#REF!</definedName>
    <definedName name="_TT30">'[2]Relatório-1ª med.'!#REF!</definedName>
    <definedName name="_TT31" localSheetId="2">'[2]Relatório-1ª med.'!#REF!</definedName>
    <definedName name="_TT31">'[2]Relatório-1ª med.'!#REF!</definedName>
    <definedName name="_TT32" localSheetId="2">'[2]Relatório-1ª med.'!#REF!</definedName>
    <definedName name="_TT32">'[2]Relatório-1ª med.'!#REF!</definedName>
    <definedName name="_TT33" localSheetId="2">'[2]Relatório-1ª med.'!#REF!</definedName>
    <definedName name="_TT33">'[2]Relatório-1ª med.'!#REF!</definedName>
    <definedName name="_TT34" localSheetId="2">'[2]Relatório-1ª med.'!#REF!</definedName>
    <definedName name="_TT34">'[2]Relatório-1ª med.'!#REF!</definedName>
    <definedName name="_TT36" localSheetId="2">'[2]Relatório-1ª med.'!#REF!</definedName>
    <definedName name="_TT36">'[2]Relatório-1ª med.'!#REF!</definedName>
    <definedName name="_TT37" localSheetId="2">'[2]Relatório-1ª med.'!#REF!</definedName>
    <definedName name="_TT37">'[2]Relatório-1ª med.'!#REF!</definedName>
    <definedName name="_TT38" localSheetId="2">'[2]Relatório-1ª med.'!#REF!</definedName>
    <definedName name="_TT38">'[2]Relatório-1ª med.'!#REF!</definedName>
    <definedName name="_TT39" localSheetId="2">'[2]Relatório-1ª med.'!#REF!</definedName>
    <definedName name="_TT39">'[2]Relatório-1ª med.'!#REF!</definedName>
    <definedName name="_TT40" localSheetId="2">'[2]Relatório-1ª med.'!#REF!</definedName>
    <definedName name="_TT40">'[2]Relatório-1ª med.'!#REF!</definedName>
    <definedName name="_TT5" localSheetId="2">'[2]Relatório-1ª med.'!#REF!</definedName>
    <definedName name="_TT5">'[2]Relatório-1ª med.'!#REF!</definedName>
    <definedName name="_TT52" localSheetId="2">'[2]Relatório-1ª med.'!#REF!</definedName>
    <definedName name="_TT52">'[2]Relatório-1ª med.'!#REF!</definedName>
    <definedName name="_TT53" localSheetId="2">'[2]Relatório-1ª med.'!#REF!</definedName>
    <definedName name="_TT53">'[2]Relatório-1ª med.'!#REF!</definedName>
    <definedName name="_TT54" localSheetId="2">'[2]Relatório-1ª med.'!#REF!</definedName>
    <definedName name="_TT54">'[2]Relatório-1ª med.'!#REF!</definedName>
    <definedName name="_TT55" localSheetId="2">'[2]Relatório-1ª med.'!#REF!</definedName>
    <definedName name="_TT55">'[2]Relatório-1ª med.'!#REF!</definedName>
    <definedName name="_TT6" localSheetId="2">'[2]Relatório-1ª med.'!#REF!</definedName>
    <definedName name="_TT6">'[2]Relatório-1ª med.'!#REF!</definedName>
    <definedName name="_TT60" localSheetId="2">'[2]Relatório-1ª med.'!#REF!</definedName>
    <definedName name="_TT60">'[2]Relatório-1ª med.'!#REF!</definedName>
    <definedName name="_TT61" localSheetId="2">'[2]Relatório-1ª med.'!#REF!</definedName>
    <definedName name="_TT61">'[2]Relatório-1ª med.'!#REF!</definedName>
    <definedName name="_TT69" localSheetId="2">'[2]Relatório-1ª med.'!#REF!</definedName>
    <definedName name="_TT69">'[2]Relatório-1ª med.'!#REF!</definedName>
    <definedName name="_TT7" localSheetId="2">'[2]Relatório-1ª med.'!#REF!</definedName>
    <definedName name="_TT7">'[2]Relatório-1ª med.'!#REF!</definedName>
    <definedName name="_TT70" localSheetId="2">'[2]Relatório-1ª med.'!#REF!</definedName>
    <definedName name="_TT70">'[2]Relatório-1ª med.'!#REF!</definedName>
    <definedName name="_TT71" localSheetId="2">'[2]Relatório-1ª med.'!#REF!</definedName>
    <definedName name="_TT71">'[2]Relatório-1ª med.'!#REF!</definedName>
    <definedName name="_TT74" localSheetId="2">'[2]Relatório-1ª med.'!#REF!</definedName>
    <definedName name="_TT74">'[2]Relatório-1ª med.'!#REF!</definedName>
    <definedName name="_TT75" localSheetId="2">'[2]Relatório-1ª med.'!#REF!</definedName>
    <definedName name="_TT75">'[2]Relatório-1ª med.'!#REF!</definedName>
    <definedName name="_TT76" localSheetId="2">'[2]Relatório-1ª med.'!#REF!</definedName>
    <definedName name="_TT76">'[2]Relatório-1ª med.'!#REF!</definedName>
    <definedName name="_TT77" localSheetId="2">'[2]Relatório-1ª med.'!#REF!</definedName>
    <definedName name="_TT77">'[2]Relatório-1ª med.'!#REF!</definedName>
    <definedName name="_TT78" localSheetId="2">'[2]Relatório-1ª med.'!#REF!</definedName>
    <definedName name="_TT78">'[2]Relatório-1ª med.'!#REF!</definedName>
    <definedName name="_TT79" localSheetId="2">'[2]Relatório-1ª med.'!#REF!</definedName>
    <definedName name="_TT79">'[2]Relatório-1ª med.'!#REF!</definedName>
    <definedName name="_TT94" localSheetId="2">'[2]Relatório-1ª med.'!#REF!</definedName>
    <definedName name="_TT94">'[2]Relatório-1ª med.'!#REF!</definedName>
    <definedName name="_TT95" localSheetId="2">'[2]Relatório-1ª med.'!#REF!</definedName>
    <definedName name="_TT95">'[2]Relatório-1ª med.'!#REF!</definedName>
    <definedName name="_TT97" localSheetId="2">'[2]Relatório-1ª med.'!#REF!</definedName>
    <definedName name="_TT97">'[2]Relatório-1ª med.'!#REF!</definedName>
    <definedName name="_UNI11100" localSheetId="2">#REF!</definedName>
    <definedName name="_UNI11100">#REF!</definedName>
    <definedName name="_UNI11110" localSheetId="2">#REF!</definedName>
    <definedName name="_UNI11110">#REF!</definedName>
    <definedName name="_UNI11115" localSheetId="2">#REF!</definedName>
    <definedName name="_UNI11115">#REF!</definedName>
    <definedName name="_UNI11125" localSheetId="2">#REF!</definedName>
    <definedName name="_UNI11125">#REF!</definedName>
    <definedName name="_UNI11130" localSheetId="2">#REF!</definedName>
    <definedName name="_UNI11130">#REF!</definedName>
    <definedName name="_UNI11135" localSheetId="2">#REF!</definedName>
    <definedName name="_UNI11135">#REF!</definedName>
    <definedName name="_UNI11145" localSheetId="2">#REF!</definedName>
    <definedName name="_UNI11145">#REF!</definedName>
    <definedName name="_UNI11150" localSheetId="2">#REF!</definedName>
    <definedName name="_UNI11150">#REF!</definedName>
    <definedName name="_UNI11165" localSheetId="2">#REF!</definedName>
    <definedName name="_UNI11165">#REF!</definedName>
    <definedName name="_UNI11170" localSheetId="2">#REF!</definedName>
    <definedName name="_UNI11170">#REF!</definedName>
    <definedName name="_UNI11180" localSheetId="2">#REF!</definedName>
    <definedName name="_UNI11180">#REF!</definedName>
    <definedName name="_UNI11185" localSheetId="2">#REF!</definedName>
    <definedName name="_UNI11185">#REF!</definedName>
    <definedName name="_UNI11220" localSheetId="2">#REF!</definedName>
    <definedName name="_UNI11220">#REF!</definedName>
    <definedName name="_UNI12105" localSheetId="2">#REF!</definedName>
    <definedName name="_UNI12105">#REF!</definedName>
    <definedName name="_UNI12555" localSheetId="2">#REF!</definedName>
    <definedName name="_UNI12555">#REF!</definedName>
    <definedName name="_UNI12570" localSheetId="2">#REF!</definedName>
    <definedName name="_UNI12570">#REF!</definedName>
    <definedName name="_UNI12575" localSheetId="2">#REF!</definedName>
    <definedName name="_UNI12575">#REF!</definedName>
    <definedName name="_UNI12580" localSheetId="2">#REF!</definedName>
    <definedName name="_UNI12580">#REF!</definedName>
    <definedName name="_UNI12600" localSheetId="2">#REF!</definedName>
    <definedName name="_UNI12600">#REF!</definedName>
    <definedName name="_UNI12610" localSheetId="2">#REF!</definedName>
    <definedName name="_UNI12610">#REF!</definedName>
    <definedName name="_UNI12630" localSheetId="2">#REF!</definedName>
    <definedName name="_UNI12630">#REF!</definedName>
    <definedName name="_UNI12631" localSheetId="2">#REF!</definedName>
    <definedName name="_UNI12631">#REF!</definedName>
    <definedName name="_UNI12640" localSheetId="2">#REF!</definedName>
    <definedName name="_UNI12640">#REF!</definedName>
    <definedName name="_UNI12645" localSheetId="2">#REF!</definedName>
    <definedName name="_UNI12645">#REF!</definedName>
    <definedName name="_UNI12665" localSheetId="2">#REF!</definedName>
    <definedName name="_UNI12665">#REF!</definedName>
    <definedName name="_UNI12690" localSheetId="2">#REF!</definedName>
    <definedName name="_UNI12690">#REF!</definedName>
    <definedName name="_UNI12700" localSheetId="2">#REF!</definedName>
    <definedName name="_UNI12700">#REF!</definedName>
    <definedName name="_UNI12710" localSheetId="2">#REF!</definedName>
    <definedName name="_UNI12710">#REF!</definedName>
    <definedName name="_UNI13111" localSheetId="2">#REF!</definedName>
    <definedName name="_UNI13111">#REF!</definedName>
    <definedName name="_UNI13112" localSheetId="2">#REF!</definedName>
    <definedName name="_UNI13112">#REF!</definedName>
    <definedName name="_UNI13121" localSheetId="2">#REF!</definedName>
    <definedName name="_UNI13121">#REF!</definedName>
    <definedName name="_UNI13720" localSheetId="2">#REF!</definedName>
    <definedName name="_UNI13720">#REF!</definedName>
    <definedName name="_UNI14100" localSheetId="2">#REF!</definedName>
    <definedName name="_UNI14100">#REF!</definedName>
    <definedName name="_UNI14161" localSheetId="2">#REF!</definedName>
    <definedName name="_UNI14161">#REF!</definedName>
    <definedName name="_UNI14195" localSheetId="2">#REF!</definedName>
    <definedName name="_UNI14195">#REF!</definedName>
    <definedName name="_UNI14205" localSheetId="2">#REF!</definedName>
    <definedName name="_UNI14205">#REF!</definedName>
    <definedName name="_UNI14260" localSheetId="2">#REF!</definedName>
    <definedName name="_UNI14260">#REF!</definedName>
    <definedName name="_UNI14500" localSheetId="2">#REF!</definedName>
    <definedName name="_UNI14500">#REF!</definedName>
    <definedName name="_UNI14515" localSheetId="2">#REF!</definedName>
    <definedName name="_UNI14515">#REF!</definedName>
    <definedName name="_UNI14555" localSheetId="2">#REF!</definedName>
    <definedName name="_UNI14555">#REF!</definedName>
    <definedName name="_UNI14565" localSheetId="2">#REF!</definedName>
    <definedName name="_UNI14565">#REF!</definedName>
    <definedName name="_UNI15135" localSheetId="2">#REF!</definedName>
    <definedName name="_UNI15135">#REF!</definedName>
    <definedName name="_UNI15140" localSheetId="2">#REF!</definedName>
    <definedName name="_UNI15140">#REF!</definedName>
    <definedName name="_UNI15195" localSheetId="2">#REF!</definedName>
    <definedName name="_UNI15195">#REF!</definedName>
    <definedName name="_UNI15225" localSheetId="2">#REF!</definedName>
    <definedName name="_UNI15225">#REF!</definedName>
    <definedName name="_UNI15230" localSheetId="2">#REF!</definedName>
    <definedName name="_UNI15230">#REF!</definedName>
    <definedName name="_UNI15515" localSheetId="2">#REF!</definedName>
    <definedName name="_UNI15515">#REF!</definedName>
    <definedName name="_UNI15560" localSheetId="2">#REF!</definedName>
    <definedName name="_UNI15560">#REF!</definedName>
    <definedName name="_UNI15565" localSheetId="2">#REF!</definedName>
    <definedName name="_UNI15565">#REF!</definedName>
    <definedName name="_UNI15570" localSheetId="2">#REF!</definedName>
    <definedName name="_UNI15570">#REF!</definedName>
    <definedName name="_UNI15575" localSheetId="2">#REF!</definedName>
    <definedName name="_UNI15575">#REF!</definedName>
    <definedName name="_UNI15583" localSheetId="2">#REF!</definedName>
    <definedName name="_UNI15583">#REF!</definedName>
    <definedName name="_UNI15590" localSheetId="2">#REF!</definedName>
    <definedName name="_UNI15590">#REF!</definedName>
    <definedName name="_UNI15591" localSheetId="2">#REF!</definedName>
    <definedName name="_UNI15591">#REF!</definedName>
    <definedName name="_UNI15610" localSheetId="2">#REF!</definedName>
    <definedName name="_UNI15610">#REF!</definedName>
    <definedName name="_UNI15625" localSheetId="2">#REF!</definedName>
    <definedName name="_UNI15625">#REF!</definedName>
    <definedName name="_UNI15635" localSheetId="2">#REF!</definedName>
    <definedName name="_UNI15635">#REF!</definedName>
    <definedName name="_UNI15655" localSheetId="2">#REF!</definedName>
    <definedName name="_UNI15655">#REF!</definedName>
    <definedName name="_UNI15665" localSheetId="2">#REF!</definedName>
    <definedName name="_UNI15665">#REF!</definedName>
    <definedName name="_UNI16515" localSheetId="2">#REF!</definedName>
    <definedName name="_UNI16515">#REF!</definedName>
    <definedName name="_UNI16535" localSheetId="2">#REF!</definedName>
    <definedName name="_UNI16535">#REF!</definedName>
    <definedName name="_UNI17140" localSheetId="2">#REF!</definedName>
    <definedName name="_UNI17140">#REF!</definedName>
    <definedName name="_UNI19500" localSheetId="2">#REF!</definedName>
    <definedName name="_UNI19500">#REF!</definedName>
    <definedName name="_UNI19501" localSheetId="2">#REF!</definedName>
    <definedName name="_UNI19501">#REF!</definedName>
    <definedName name="_UNI19502" localSheetId="2">#REF!</definedName>
    <definedName name="_UNI19502">#REF!</definedName>
    <definedName name="_UNI19503" localSheetId="2">#REF!</definedName>
    <definedName name="_UNI19503">#REF!</definedName>
    <definedName name="_UNI19504" localSheetId="2">#REF!</definedName>
    <definedName name="_UNI19504">#REF!</definedName>
    <definedName name="_UNI19505" localSheetId="2">#REF!</definedName>
    <definedName name="_UNI19505">#REF!</definedName>
    <definedName name="_UNI20100" localSheetId="2">#REF!</definedName>
    <definedName name="_UNI20100">#REF!</definedName>
    <definedName name="_UNI20105" localSheetId="2">#REF!</definedName>
    <definedName name="_UNI20105">#REF!</definedName>
    <definedName name="_UNI20110" localSheetId="2">#REF!</definedName>
    <definedName name="_UNI20110">#REF!</definedName>
    <definedName name="_UNI20115" localSheetId="2">#REF!</definedName>
    <definedName name="_UNI20115">#REF!</definedName>
    <definedName name="_UNI20130" localSheetId="2">#REF!</definedName>
    <definedName name="_UNI20130">#REF!</definedName>
    <definedName name="_UNI20135" localSheetId="2">#REF!</definedName>
    <definedName name="_UNI20135">#REF!</definedName>
    <definedName name="_UNI20140" localSheetId="2">#REF!</definedName>
    <definedName name="_UNI20140">#REF!</definedName>
    <definedName name="_UNI20145" localSheetId="2">#REF!</definedName>
    <definedName name="_UNI20145">#REF!</definedName>
    <definedName name="_UNI20150" localSheetId="2">#REF!</definedName>
    <definedName name="_UNI20150">#REF!</definedName>
    <definedName name="_UNI20155" localSheetId="2">#REF!</definedName>
    <definedName name="_UNI20155">#REF!</definedName>
    <definedName name="_UNI20175" localSheetId="2">#REF!</definedName>
    <definedName name="_UNI20175">#REF!</definedName>
    <definedName name="_UNI20185" localSheetId="2">#REF!</definedName>
    <definedName name="_UNI20185">#REF!</definedName>
    <definedName name="_UNI20190" localSheetId="2">#REF!</definedName>
    <definedName name="_UNI20190">#REF!</definedName>
    <definedName name="_UNI20195" localSheetId="2">#REF!</definedName>
    <definedName name="_UNI20195">#REF!</definedName>
    <definedName name="_UNI20210" localSheetId="2">#REF!</definedName>
    <definedName name="_UNI20210">#REF!</definedName>
    <definedName name="_VAL11100" localSheetId="2">#REF!</definedName>
    <definedName name="_VAL11100">#REF!</definedName>
    <definedName name="_VAL11110" localSheetId="2">#REF!</definedName>
    <definedName name="_VAL11110">#REF!</definedName>
    <definedName name="_VAL11115" localSheetId="2">#REF!</definedName>
    <definedName name="_VAL11115">#REF!</definedName>
    <definedName name="_VAL11125" localSheetId="2">#REF!</definedName>
    <definedName name="_VAL11125">#REF!</definedName>
    <definedName name="_VAL11130" localSheetId="2">#REF!</definedName>
    <definedName name="_VAL11130">#REF!</definedName>
    <definedName name="_VAL11135" localSheetId="2">#REF!</definedName>
    <definedName name="_VAL11135">#REF!</definedName>
    <definedName name="_VAL11145" localSheetId="2">#REF!</definedName>
    <definedName name="_VAL11145">#REF!</definedName>
    <definedName name="_VAL11150" localSheetId="2">#REF!</definedName>
    <definedName name="_VAL11150">#REF!</definedName>
    <definedName name="_VAL11165" localSheetId="2">#REF!</definedName>
    <definedName name="_VAL11165">#REF!</definedName>
    <definedName name="_VAL11170" localSheetId="2">#REF!</definedName>
    <definedName name="_VAL11170">#REF!</definedName>
    <definedName name="_VAL11180" localSheetId="2">#REF!</definedName>
    <definedName name="_VAL11180">#REF!</definedName>
    <definedName name="_VAL11185" localSheetId="2">#REF!</definedName>
    <definedName name="_VAL11185">#REF!</definedName>
    <definedName name="_VAL11220" localSheetId="2">#REF!</definedName>
    <definedName name="_VAL11220">#REF!</definedName>
    <definedName name="_VAL12105" localSheetId="2">#REF!</definedName>
    <definedName name="_VAL12105">#REF!</definedName>
    <definedName name="_VAL12555" localSheetId="2">#REF!</definedName>
    <definedName name="_VAL12555">#REF!</definedName>
    <definedName name="_VAL12570" localSheetId="2">#REF!</definedName>
    <definedName name="_VAL12570">#REF!</definedName>
    <definedName name="_VAL12575" localSheetId="2">#REF!</definedName>
    <definedName name="_VAL12575">#REF!</definedName>
    <definedName name="_VAL12580" localSheetId="2">#REF!</definedName>
    <definedName name="_VAL12580">#REF!</definedName>
    <definedName name="_VAL12600" localSheetId="2">#REF!</definedName>
    <definedName name="_VAL12600">#REF!</definedName>
    <definedName name="_VAL12610" localSheetId="2">#REF!</definedName>
    <definedName name="_VAL12610">#REF!</definedName>
    <definedName name="_VAL12630" localSheetId="2">#REF!</definedName>
    <definedName name="_VAL12630">#REF!</definedName>
    <definedName name="_VAL12631" localSheetId="2">#REF!</definedName>
    <definedName name="_VAL12631">#REF!</definedName>
    <definedName name="_VAL12640" localSheetId="2">#REF!</definedName>
    <definedName name="_VAL12640">#REF!</definedName>
    <definedName name="_VAL12645" localSheetId="2">#REF!</definedName>
    <definedName name="_VAL12645">#REF!</definedName>
    <definedName name="_VAL12665" localSheetId="2">#REF!</definedName>
    <definedName name="_VAL12665">#REF!</definedName>
    <definedName name="_VAL12690" localSheetId="2">#REF!</definedName>
    <definedName name="_VAL12690">#REF!</definedName>
    <definedName name="_VAL12700" localSheetId="2">#REF!</definedName>
    <definedName name="_VAL12700">#REF!</definedName>
    <definedName name="_VAL12710" localSheetId="2">#REF!</definedName>
    <definedName name="_VAL12710">#REF!</definedName>
    <definedName name="_VAL13111" localSheetId="2">#REF!</definedName>
    <definedName name="_VAL13111">#REF!</definedName>
    <definedName name="_VAL13112" localSheetId="2">#REF!</definedName>
    <definedName name="_VAL13112">#REF!</definedName>
    <definedName name="_VAL13121" localSheetId="2">#REF!</definedName>
    <definedName name="_VAL13121">#REF!</definedName>
    <definedName name="_VAL13720" localSheetId="2">#REF!</definedName>
    <definedName name="_VAL13720">#REF!</definedName>
    <definedName name="_VAL14100" localSheetId="2">#REF!</definedName>
    <definedName name="_VAL14100">#REF!</definedName>
    <definedName name="_VAL14161" localSheetId="2">#REF!</definedName>
    <definedName name="_VAL14161">#REF!</definedName>
    <definedName name="_VAL14195" localSheetId="2">#REF!</definedName>
    <definedName name="_VAL14195">#REF!</definedName>
    <definedName name="_VAL14205" localSheetId="2">#REF!</definedName>
    <definedName name="_VAL14205">#REF!</definedName>
    <definedName name="_VAL14260" localSheetId="2">#REF!</definedName>
    <definedName name="_VAL14260">#REF!</definedName>
    <definedName name="_VAL14500" localSheetId="2">#REF!</definedName>
    <definedName name="_VAL14500">#REF!</definedName>
    <definedName name="_VAL14515" localSheetId="2">#REF!</definedName>
    <definedName name="_VAL14515">#REF!</definedName>
    <definedName name="_VAL14555" localSheetId="2">#REF!</definedName>
    <definedName name="_VAL14555">#REF!</definedName>
    <definedName name="_VAL14565" localSheetId="2">#REF!</definedName>
    <definedName name="_VAL14565">#REF!</definedName>
    <definedName name="_VAL15135" localSheetId="2">#REF!</definedName>
    <definedName name="_VAL15135">#REF!</definedName>
    <definedName name="_VAL15140" localSheetId="2">#REF!</definedName>
    <definedName name="_VAL15140">#REF!</definedName>
    <definedName name="_VAL15195" localSheetId="2">#REF!</definedName>
    <definedName name="_VAL15195">#REF!</definedName>
    <definedName name="_VAL15225" localSheetId="2">#REF!</definedName>
    <definedName name="_VAL15225">#REF!</definedName>
    <definedName name="_VAL15230" localSheetId="2">#REF!</definedName>
    <definedName name="_VAL15230">#REF!</definedName>
    <definedName name="_VAL15515" localSheetId="2">#REF!</definedName>
    <definedName name="_VAL15515">#REF!</definedName>
    <definedName name="_VAL15560" localSheetId="2">#REF!</definedName>
    <definedName name="_VAL15560">#REF!</definedName>
    <definedName name="_VAL15565" localSheetId="2">#REF!</definedName>
    <definedName name="_VAL15565">#REF!</definedName>
    <definedName name="_VAL15570" localSheetId="2">#REF!</definedName>
    <definedName name="_VAL15570">#REF!</definedName>
    <definedName name="_VAL15575" localSheetId="2">#REF!</definedName>
    <definedName name="_VAL15575">#REF!</definedName>
    <definedName name="_VAL15583" localSheetId="2">#REF!</definedName>
    <definedName name="_VAL15583">#REF!</definedName>
    <definedName name="_VAL15590" localSheetId="2">#REF!</definedName>
    <definedName name="_VAL15590">#REF!</definedName>
    <definedName name="_VAL15591" localSheetId="2">#REF!</definedName>
    <definedName name="_VAL15591">#REF!</definedName>
    <definedName name="_VAL15610" localSheetId="2">#REF!</definedName>
    <definedName name="_VAL15610">#REF!</definedName>
    <definedName name="_VAL15625" localSheetId="2">#REF!</definedName>
    <definedName name="_VAL15625">#REF!</definedName>
    <definedName name="_VAL15635" localSheetId="2">#REF!</definedName>
    <definedName name="_VAL15635">#REF!</definedName>
    <definedName name="_VAL15655" localSheetId="2">#REF!</definedName>
    <definedName name="_VAL15655">#REF!</definedName>
    <definedName name="_VAL15665" localSheetId="2">#REF!</definedName>
    <definedName name="_VAL15665">#REF!</definedName>
    <definedName name="_VAL16515" localSheetId="2">#REF!</definedName>
    <definedName name="_VAL16515">#REF!</definedName>
    <definedName name="_VAL16535" localSheetId="2">#REF!</definedName>
    <definedName name="_VAL16535">#REF!</definedName>
    <definedName name="_VAL17140" localSheetId="2">#REF!</definedName>
    <definedName name="_VAL17140">#REF!</definedName>
    <definedName name="_VAL19500" localSheetId="2">#REF!</definedName>
    <definedName name="_VAL19500">#REF!</definedName>
    <definedName name="_VAL19501" localSheetId="2">#REF!</definedName>
    <definedName name="_VAL19501">#REF!</definedName>
    <definedName name="_VAL19502" localSheetId="2">#REF!</definedName>
    <definedName name="_VAL19502">#REF!</definedName>
    <definedName name="_VAL19503" localSheetId="2">#REF!</definedName>
    <definedName name="_VAL19503">#REF!</definedName>
    <definedName name="_VAL19504" localSheetId="2">#REF!</definedName>
    <definedName name="_VAL19504">#REF!</definedName>
    <definedName name="_VAL19505" localSheetId="2">#REF!</definedName>
    <definedName name="_VAL19505">#REF!</definedName>
    <definedName name="_VAL20100" localSheetId="2">#REF!</definedName>
    <definedName name="_VAL20100">#REF!</definedName>
    <definedName name="_VAL20105" localSheetId="2">#REF!</definedName>
    <definedName name="_VAL20105">#REF!</definedName>
    <definedName name="_VAL20110" localSheetId="2">#REF!</definedName>
    <definedName name="_VAL20110">#REF!</definedName>
    <definedName name="_VAL20115" localSheetId="2">#REF!</definedName>
    <definedName name="_VAL20115">#REF!</definedName>
    <definedName name="_VAL20130" localSheetId="2">#REF!</definedName>
    <definedName name="_VAL20130">#REF!</definedName>
    <definedName name="_VAL20135" localSheetId="2">#REF!</definedName>
    <definedName name="_VAL20135">#REF!</definedName>
    <definedName name="_VAL20140" localSheetId="2">#REF!</definedName>
    <definedName name="_VAL20140">#REF!</definedName>
    <definedName name="_VAL20145" localSheetId="2">#REF!</definedName>
    <definedName name="_VAL20145">#REF!</definedName>
    <definedName name="_VAL20150" localSheetId="2">#REF!</definedName>
    <definedName name="_VAL20150">#REF!</definedName>
    <definedName name="_VAL20155" localSheetId="2">#REF!</definedName>
    <definedName name="_VAL20155">#REF!</definedName>
    <definedName name="_VAL20175" localSheetId="2">#REF!</definedName>
    <definedName name="_VAL20175">#REF!</definedName>
    <definedName name="_VAL20185" localSheetId="2">#REF!</definedName>
    <definedName name="_VAL20185">#REF!</definedName>
    <definedName name="_VAL20190" localSheetId="2">#REF!</definedName>
    <definedName name="_VAL20190">#REF!</definedName>
    <definedName name="_VAL20195" localSheetId="2">#REF!</definedName>
    <definedName name="_VAL20195">#REF!</definedName>
    <definedName name="_VAL20210" localSheetId="2">#REF!</definedName>
    <definedName name="_VAL20210">#REF!</definedName>
    <definedName name="a" localSheetId="0">#REF!</definedName>
    <definedName name="a" localSheetId="2">#REF!</definedName>
    <definedName name="a">#REF!</definedName>
    <definedName name="A_15" localSheetId="2">#REF!</definedName>
    <definedName name="A_15">#REF!</definedName>
    <definedName name="A_16" localSheetId="2">#REF!</definedName>
    <definedName name="A_16">#REF!</definedName>
    <definedName name="A_17" localSheetId="2">#REF!</definedName>
    <definedName name="A_17">#REF!</definedName>
    <definedName name="A_18" localSheetId="2">#REF!</definedName>
    <definedName name="A_18">#REF!</definedName>
    <definedName name="A_19" localSheetId="2">#REF!</definedName>
    <definedName name="A_19">#REF!</definedName>
    <definedName name="A_20" localSheetId="2">#REF!</definedName>
    <definedName name="A_20">#REF!</definedName>
    <definedName name="A_21" localSheetId="2">#REF!</definedName>
    <definedName name="A_21">#REF!</definedName>
    <definedName name="A_22" localSheetId="2">#REF!</definedName>
    <definedName name="A_22">#REF!</definedName>
    <definedName name="A_23" localSheetId="2">#REF!</definedName>
    <definedName name="A_23">#REF!</definedName>
    <definedName name="A_24" localSheetId="2">#REF!</definedName>
    <definedName name="A_24">#REF!</definedName>
    <definedName name="A_25" localSheetId="2">#REF!</definedName>
    <definedName name="A_25">#REF!</definedName>
    <definedName name="A_26" localSheetId="2">#REF!</definedName>
    <definedName name="A_26">#REF!</definedName>
    <definedName name="A_27" localSheetId="2">#REF!</definedName>
    <definedName name="A_27">#REF!</definedName>
    <definedName name="A_28" localSheetId="2">#REF!</definedName>
    <definedName name="A_28">#REF!</definedName>
    <definedName name="A_29" localSheetId="2">#REF!</definedName>
    <definedName name="A_29">#REF!</definedName>
    <definedName name="A_30" localSheetId="2">#REF!</definedName>
    <definedName name="A_30">#REF!</definedName>
    <definedName name="A_31" localSheetId="2">#REF!</definedName>
    <definedName name="A_31">#REF!</definedName>
    <definedName name="A_32" localSheetId="2">#REF!</definedName>
    <definedName name="A_32">#REF!</definedName>
    <definedName name="A_33" localSheetId="2">#REF!</definedName>
    <definedName name="A_33">#REF!</definedName>
    <definedName name="A_34" localSheetId="2">#REF!</definedName>
    <definedName name="A_34">#REF!</definedName>
    <definedName name="A_35" localSheetId="2">#REF!</definedName>
    <definedName name="A_35">#REF!</definedName>
    <definedName name="A_36" localSheetId="2">#REF!</definedName>
    <definedName name="A_36">#REF!</definedName>
    <definedName name="A_38" localSheetId="2">#REF!</definedName>
    <definedName name="A_38">#REF!</definedName>
    <definedName name="A1_36" localSheetId="2">#REF!</definedName>
    <definedName name="A1_36">#REF!</definedName>
    <definedName name="AA" localSheetId="2">#REF!</definedName>
    <definedName name="AA">#REF!</definedName>
    <definedName name="AA_36" localSheetId="2">#REF!</definedName>
    <definedName name="AA_36">#REF!</definedName>
    <definedName name="ANTIGA">#N/A</definedName>
    <definedName name="ANTIGA_10">#N/A</definedName>
    <definedName name="ANTIGA_11">#N/A</definedName>
    <definedName name="ANTIGA_12">#N/A</definedName>
    <definedName name="ANTIGA_13">#N/A</definedName>
    <definedName name="ANTIGA_14">#N/A</definedName>
    <definedName name="ANTIGA_15">#N/A</definedName>
    <definedName name="ANTIGA_16">#N/A</definedName>
    <definedName name="ANTIGA_17">#N/A</definedName>
    <definedName name="ANTIGA_18">#N/A</definedName>
    <definedName name="ANTIGA_19">#N/A</definedName>
    <definedName name="ANTIGA_20">#N/A</definedName>
    <definedName name="ANTIGA_21" localSheetId="2">#REF!</definedName>
    <definedName name="ANTIGA_21">#REF!</definedName>
    <definedName name="ANTIGA_22">#N/A</definedName>
    <definedName name="ANTIGA_23">#N/A</definedName>
    <definedName name="ANTIGA_24">#N/A</definedName>
    <definedName name="ANTIGA_25">#N/A</definedName>
    <definedName name="ANTIGA_26">#N/A</definedName>
    <definedName name="ANTIGA_27">#N/A</definedName>
    <definedName name="ANTIGA_28">#N/A</definedName>
    <definedName name="ANTIGA_29">#N/A</definedName>
    <definedName name="ANTIGA_30">#N/A</definedName>
    <definedName name="ANTIGA_31">#N/A</definedName>
    <definedName name="ANTIGA_32">#N/A</definedName>
    <definedName name="ANTIGA_33">#N/A</definedName>
    <definedName name="ANTIGA_34">#N/A</definedName>
    <definedName name="ANTIGA_35">#N/A</definedName>
    <definedName name="ANTIGA_36">#N/A</definedName>
    <definedName name="ANTIGA_37">#N/A</definedName>
    <definedName name="ANTIGA_38">#N/A</definedName>
    <definedName name="ANTIGA_39">#N/A</definedName>
    <definedName name="ANTIGA_40">#N/A</definedName>
    <definedName name="ANTIGA_41">#N/A</definedName>
    <definedName name="ANTIGA_42">#N/A</definedName>
    <definedName name="ANTIGA_43">#N/A</definedName>
    <definedName name="ANTIGA_44">#N/A</definedName>
    <definedName name="ANTIGA_45">#N/A</definedName>
    <definedName name="ANTIGA_46">#N/A</definedName>
    <definedName name="ANTIGA_47">#N/A</definedName>
    <definedName name="ANTIGA_48">#N/A</definedName>
    <definedName name="ANTIGA_49">#N/A</definedName>
    <definedName name="ANTIGA_5">#N/A</definedName>
    <definedName name="ANTIGA_50">#N/A</definedName>
    <definedName name="ANTIGA_51">#N/A</definedName>
    <definedName name="ANTIGA_52">#N/A</definedName>
    <definedName name="ANTIGA_53">#N/A</definedName>
    <definedName name="ANTIGA_54">#N/A</definedName>
    <definedName name="ANTIGA_55">#N/A</definedName>
    <definedName name="ANTIGA_56">#N/A</definedName>
    <definedName name="ANTIGA_57">#N/A</definedName>
    <definedName name="ANTIGA_58">#N/A</definedName>
    <definedName name="ANTIGA_6">#N/A</definedName>
    <definedName name="ANTIGA_60">#N/A</definedName>
    <definedName name="ANTIGA_61">#N/A</definedName>
    <definedName name="ANTIGA_62">#N/A</definedName>
    <definedName name="ANTIGA_63">#N/A</definedName>
    <definedName name="ANTIGA_64">#N/A</definedName>
    <definedName name="ANTIGA_65">#N/A</definedName>
    <definedName name="ANTIGA_66">#N/A</definedName>
    <definedName name="ANTIGA_67">#N/A</definedName>
    <definedName name="ANTIGA_68">#N/A</definedName>
    <definedName name="ANTIGA_69">#N/A</definedName>
    <definedName name="ANTIGA_7">#N/A</definedName>
    <definedName name="ANTIGA_70">#N/A</definedName>
    <definedName name="ANTIGA_71">#N/A</definedName>
    <definedName name="ANTIGA_72">#N/A</definedName>
    <definedName name="ANTIGA_73">#N/A</definedName>
    <definedName name="ANTIGA_74">#N/A</definedName>
    <definedName name="ANTIGA_75">#N/A</definedName>
    <definedName name="ANTIGA_76">#N/A</definedName>
    <definedName name="ANTIGA_77">#N/A</definedName>
    <definedName name="ANTIGA_78">#N/A</definedName>
    <definedName name="ANTIGA_79">#N/A</definedName>
    <definedName name="ANTIGA_8">#N/A</definedName>
    <definedName name="ANTIGA_80">#N/A</definedName>
    <definedName name="ANTIGA_81">#N/A</definedName>
    <definedName name="ANTIGA_82">#N/A</definedName>
    <definedName name="ANTIGA_83">#N/A</definedName>
    <definedName name="ANTIGA_85">#N/A</definedName>
    <definedName name="ANTIGA_86">#N/A</definedName>
    <definedName name="ANTIGA_87">#N/A</definedName>
    <definedName name="ANTIGA_88">#N/A</definedName>
    <definedName name="ANTIGA_9">#N/A</definedName>
    <definedName name="ANTIGA_92">#N/A</definedName>
    <definedName name="ANTIGA_98">#N/A</definedName>
    <definedName name="AP">#N/A</definedName>
    <definedName name="AP_10">#N/A</definedName>
    <definedName name="AP_11">#N/A</definedName>
    <definedName name="AP_12">#N/A</definedName>
    <definedName name="AP_13">#N/A</definedName>
    <definedName name="AP_14">#N/A</definedName>
    <definedName name="AP_15">#N/A</definedName>
    <definedName name="AP_16">#N/A</definedName>
    <definedName name="AP_17">#N/A</definedName>
    <definedName name="AP_18">#N/A</definedName>
    <definedName name="AP_19">#N/A</definedName>
    <definedName name="AP_20">#N/A</definedName>
    <definedName name="AP_22">#N/A</definedName>
    <definedName name="AP_23">#N/A</definedName>
    <definedName name="AP_24">#N/A</definedName>
    <definedName name="AP_25">#N/A</definedName>
    <definedName name="AP_26">#N/A</definedName>
    <definedName name="AP_27">#N/A</definedName>
    <definedName name="AP_28">#N/A</definedName>
    <definedName name="AP_29">#N/A</definedName>
    <definedName name="AP_30">#N/A</definedName>
    <definedName name="AP_31">#N/A</definedName>
    <definedName name="AP_32">#N/A</definedName>
    <definedName name="AP_33">#N/A</definedName>
    <definedName name="AP_34">#N/A</definedName>
    <definedName name="AP_35">#N/A</definedName>
    <definedName name="AP_36">#N/A</definedName>
    <definedName name="AP_37">#N/A</definedName>
    <definedName name="AP_38">#N/A</definedName>
    <definedName name="AP_39">#N/A</definedName>
    <definedName name="AP_40">#N/A</definedName>
    <definedName name="AP_41">#N/A</definedName>
    <definedName name="AP_42">#N/A</definedName>
    <definedName name="AP_43">#N/A</definedName>
    <definedName name="AP_44">#N/A</definedName>
    <definedName name="AP_45">#N/A</definedName>
    <definedName name="AP_46">#N/A</definedName>
    <definedName name="AP_47">#N/A</definedName>
    <definedName name="AP_48">#N/A</definedName>
    <definedName name="AP_49">#N/A</definedName>
    <definedName name="AP_50">#N/A</definedName>
    <definedName name="AP_51">#N/A</definedName>
    <definedName name="AP_52">#N/A</definedName>
    <definedName name="AP_53">#N/A</definedName>
    <definedName name="AP_54">#N/A</definedName>
    <definedName name="AP_55">#N/A</definedName>
    <definedName name="AP_56">#N/A</definedName>
    <definedName name="AP_57">#N/A</definedName>
    <definedName name="AP_58">#N/A</definedName>
    <definedName name="AP_6">#N/A</definedName>
    <definedName name="AP_60">#N/A</definedName>
    <definedName name="AP_61">#N/A</definedName>
    <definedName name="AP_62">#N/A</definedName>
    <definedName name="AP_63">#N/A</definedName>
    <definedName name="AP_64">#N/A</definedName>
    <definedName name="AP_65">#N/A</definedName>
    <definedName name="AP_66">#N/A</definedName>
    <definedName name="AP_67">#N/A</definedName>
    <definedName name="AP_68">#N/A</definedName>
    <definedName name="AP_69">#N/A</definedName>
    <definedName name="AP_7">#N/A</definedName>
    <definedName name="AP_70">#N/A</definedName>
    <definedName name="AP_71">#N/A</definedName>
    <definedName name="AP_72">#N/A</definedName>
    <definedName name="AP_73">#N/A</definedName>
    <definedName name="AP_74">#N/A</definedName>
    <definedName name="AP_75">#N/A</definedName>
    <definedName name="AP_76">#N/A</definedName>
    <definedName name="AP_77">#N/A</definedName>
    <definedName name="AP_78">#N/A</definedName>
    <definedName name="AP_79">#N/A</definedName>
    <definedName name="AP_8">#N/A</definedName>
    <definedName name="AP_80">#N/A</definedName>
    <definedName name="AP_81">#N/A</definedName>
    <definedName name="AP_82">#N/A</definedName>
    <definedName name="AP_83">#N/A</definedName>
    <definedName name="AP_85">#N/A</definedName>
    <definedName name="AP_86">#N/A</definedName>
    <definedName name="AP_87">#N/A</definedName>
    <definedName name="AP_88">#N/A</definedName>
    <definedName name="AP_9">#N/A</definedName>
    <definedName name="AP_92">#N/A</definedName>
    <definedName name="AQUI" localSheetId="2">#REF!</definedName>
    <definedName name="AQUI">#REF!</definedName>
    <definedName name="AR" localSheetId="2">#REF!</definedName>
    <definedName name="AR">#REF!</definedName>
    <definedName name="area_base">[1]Base!$U$40</definedName>
    <definedName name="_xlnm.Print_Area" localSheetId="0">'ANEXO III-B- PLAN. ORÇAMENTÁRIA'!$A$1:$K$66</definedName>
    <definedName name="_xlnm.Print_Area" localSheetId="3">'ANEXO III-C- COMPOSIÇÃ DO BDI'!$A$1:$D$30</definedName>
    <definedName name="_xlnm.Print_Area" localSheetId="2">'ANEXO III-D- FÍSICO-FINANCEIRO'!$A$1:$K$35</definedName>
    <definedName name="_xlnm.Print_Area" localSheetId="1">'PO Orçamentária'!$A$2:$K$102</definedName>
    <definedName name="_xlnm.Print_Area">#REF!</definedName>
    <definedName name="Área_impressão_IM" localSheetId="2">#REF!</definedName>
    <definedName name="Área_impressão_IM">#REF!</definedName>
    <definedName name="aux" localSheetId="2">#REF!</definedName>
    <definedName name="aux">#REF!</definedName>
    <definedName name="aux_15" localSheetId="2">#REF!</definedName>
    <definedName name="aux_15">#REF!</definedName>
    <definedName name="aux_16" localSheetId="2">#REF!</definedName>
    <definedName name="aux_16">#REF!</definedName>
    <definedName name="aux_17" localSheetId="2">#REF!</definedName>
    <definedName name="aux_17">#REF!</definedName>
    <definedName name="aux_18" localSheetId="2">#REF!</definedName>
    <definedName name="aux_18">#REF!</definedName>
    <definedName name="aux_19" localSheetId="2">#REF!</definedName>
    <definedName name="aux_19">#REF!</definedName>
    <definedName name="aux_20" localSheetId="2">#REF!</definedName>
    <definedName name="aux_20">#REF!</definedName>
    <definedName name="aux_21" localSheetId="2">#REF!</definedName>
    <definedName name="aux_21">#REF!</definedName>
    <definedName name="aux_22" localSheetId="2">#REF!</definedName>
    <definedName name="aux_22">#REF!</definedName>
    <definedName name="aux_23" localSheetId="2">#REF!</definedName>
    <definedName name="aux_23">#REF!</definedName>
    <definedName name="aux_24" localSheetId="2">#REF!</definedName>
    <definedName name="aux_24">#REF!</definedName>
    <definedName name="aux_25" localSheetId="2">#REF!</definedName>
    <definedName name="aux_25">#REF!</definedName>
    <definedName name="aux_26" localSheetId="2">#REF!</definedName>
    <definedName name="aux_26">#REF!</definedName>
    <definedName name="aux_27" localSheetId="2">#REF!</definedName>
    <definedName name="aux_27">#REF!</definedName>
    <definedName name="aux_28" localSheetId="2">#REF!</definedName>
    <definedName name="aux_28">#REF!</definedName>
    <definedName name="aux_29" localSheetId="2">#REF!</definedName>
    <definedName name="aux_29">#REF!</definedName>
    <definedName name="aux_30" localSheetId="2">#REF!</definedName>
    <definedName name="aux_30">#REF!</definedName>
    <definedName name="aux_31" localSheetId="2">#REF!</definedName>
    <definedName name="aux_31">#REF!</definedName>
    <definedName name="aux_32" localSheetId="2">#REF!</definedName>
    <definedName name="aux_32">#REF!</definedName>
    <definedName name="aux_33" localSheetId="2">#REF!</definedName>
    <definedName name="aux_33">#REF!</definedName>
    <definedName name="aux_34" localSheetId="2">#REF!</definedName>
    <definedName name="aux_34">#REF!</definedName>
    <definedName name="aux_35" localSheetId="2">#REF!</definedName>
    <definedName name="aux_35">#REF!</definedName>
    <definedName name="aux_36" localSheetId="2">#REF!</definedName>
    <definedName name="aux_36">#REF!</definedName>
    <definedName name="aux_38" localSheetId="2">#REF!</definedName>
    <definedName name="aux_38">#REF!</definedName>
    <definedName name="auxiliar">#N/A</definedName>
    <definedName name="auxiliar_10">#N/A</definedName>
    <definedName name="auxiliar_11">#N/A</definedName>
    <definedName name="auxiliar_12">#N/A</definedName>
    <definedName name="auxiliar_13">#N/A</definedName>
    <definedName name="auxiliar_14">#N/A</definedName>
    <definedName name="auxiliar_15">#N/A</definedName>
    <definedName name="auxiliar_16">#N/A</definedName>
    <definedName name="auxiliar_17">#N/A</definedName>
    <definedName name="auxiliar_18">#N/A</definedName>
    <definedName name="auxiliar_19">#N/A</definedName>
    <definedName name="auxiliar_2">#N/A</definedName>
    <definedName name="auxiliar_20">#N/A</definedName>
    <definedName name="auxiliar_21">#N/A</definedName>
    <definedName name="auxiliar_22">#N/A</definedName>
    <definedName name="auxiliar_23">#N/A</definedName>
    <definedName name="auxiliar_24">#N/A</definedName>
    <definedName name="auxiliar_25">#N/A</definedName>
    <definedName name="auxiliar_26">#N/A</definedName>
    <definedName name="auxiliar_27">#N/A</definedName>
    <definedName name="auxiliar_28">#N/A</definedName>
    <definedName name="auxiliar_29">#N/A</definedName>
    <definedName name="auxiliar_30">#N/A</definedName>
    <definedName name="auxiliar_31">#N/A</definedName>
    <definedName name="auxiliar_32">#N/A</definedName>
    <definedName name="auxiliar_33">#N/A</definedName>
    <definedName name="auxiliar_34">#N/A</definedName>
    <definedName name="auxiliar_35">#N/A</definedName>
    <definedName name="auxiliar_36">#N/A</definedName>
    <definedName name="auxiliar_37">#N/A</definedName>
    <definedName name="auxiliar_38">#N/A</definedName>
    <definedName name="auxiliar_39">#N/A</definedName>
    <definedName name="auxiliar_40">#N/A</definedName>
    <definedName name="auxiliar_41">#N/A</definedName>
    <definedName name="auxiliar_42">#N/A</definedName>
    <definedName name="auxiliar_43">#N/A</definedName>
    <definedName name="auxiliar_44">#N/A</definedName>
    <definedName name="auxiliar_45">#N/A</definedName>
    <definedName name="auxiliar_46">#N/A</definedName>
    <definedName name="auxiliar_47">#N/A</definedName>
    <definedName name="auxiliar_48">#N/A</definedName>
    <definedName name="auxiliar_49">#N/A</definedName>
    <definedName name="auxiliar_5">#N/A</definedName>
    <definedName name="auxiliar_50">#N/A</definedName>
    <definedName name="auxiliar_51">#N/A</definedName>
    <definedName name="auxiliar_52">#N/A</definedName>
    <definedName name="auxiliar_53">#N/A</definedName>
    <definedName name="auxiliar_54">#N/A</definedName>
    <definedName name="auxiliar_55">#N/A</definedName>
    <definedName name="auxiliar_56">#N/A</definedName>
    <definedName name="auxiliar_57">#N/A</definedName>
    <definedName name="auxiliar_58">#N/A</definedName>
    <definedName name="auxiliar_6">#N/A</definedName>
    <definedName name="auxiliar_60">#N/A</definedName>
    <definedName name="auxiliar_61">#N/A</definedName>
    <definedName name="auxiliar_62">#N/A</definedName>
    <definedName name="auxiliar_63">#N/A</definedName>
    <definedName name="auxiliar_64">#N/A</definedName>
    <definedName name="auxiliar_65">#N/A</definedName>
    <definedName name="auxiliar_66">#N/A</definedName>
    <definedName name="auxiliar_67">#N/A</definedName>
    <definedName name="auxiliar_68">#N/A</definedName>
    <definedName name="auxiliar_69">#N/A</definedName>
    <definedName name="auxiliar_7">#N/A</definedName>
    <definedName name="auxiliar_70">#N/A</definedName>
    <definedName name="auxiliar_71">#N/A</definedName>
    <definedName name="auxiliar_72">#N/A</definedName>
    <definedName name="auxiliar_73">#N/A</definedName>
    <definedName name="auxiliar_74">#N/A</definedName>
    <definedName name="auxiliar_75">#N/A</definedName>
    <definedName name="auxiliar_76">#N/A</definedName>
    <definedName name="auxiliar_77">#N/A</definedName>
    <definedName name="auxiliar_78">#N/A</definedName>
    <definedName name="auxiliar_79">#N/A</definedName>
    <definedName name="auxiliar_8">#N/A</definedName>
    <definedName name="auxiliar_80">#N/A</definedName>
    <definedName name="auxiliar_81">#N/A</definedName>
    <definedName name="auxiliar_82">#N/A</definedName>
    <definedName name="auxiliar_83">#N/A</definedName>
    <definedName name="auxiliar_84">#N/A</definedName>
    <definedName name="auxiliar_85">#N/A</definedName>
    <definedName name="auxiliar_86">#N/A</definedName>
    <definedName name="auxiliar_87">#N/A</definedName>
    <definedName name="auxiliar_88">#N/A</definedName>
    <definedName name="auxiliar_9">#N/A</definedName>
    <definedName name="auxiliar_92">#N/A</definedName>
    <definedName name="auxiliar_95">#N/A</definedName>
    <definedName name="auxiliar_96">#N/A</definedName>
    <definedName name="auxiliar_97">#N/A</definedName>
    <definedName name="auxiliar_98">#N/A</definedName>
    <definedName name="B" localSheetId="2">#REF!</definedName>
    <definedName name="B">#REF!</definedName>
    <definedName name="B_15" localSheetId="2">#REF!</definedName>
    <definedName name="B_15">#REF!</definedName>
    <definedName name="B_16" localSheetId="2">#REF!</definedName>
    <definedName name="B_16">#REF!</definedName>
    <definedName name="B_17" localSheetId="2">#REF!</definedName>
    <definedName name="B_17">#REF!</definedName>
    <definedName name="B_18" localSheetId="2">#REF!</definedName>
    <definedName name="B_18">#REF!</definedName>
    <definedName name="B_19" localSheetId="2">#REF!</definedName>
    <definedName name="B_19">#REF!</definedName>
    <definedName name="B_20" localSheetId="2">#REF!</definedName>
    <definedName name="B_20">#REF!</definedName>
    <definedName name="B_21" localSheetId="2">#REF!</definedName>
    <definedName name="B_21">#REF!</definedName>
    <definedName name="B_22" localSheetId="2">#REF!</definedName>
    <definedName name="B_22">#REF!</definedName>
    <definedName name="B_23" localSheetId="2">#REF!</definedName>
    <definedName name="B_23">#REF!</definedName>
    <definedName name="B_36" localSheetId="2">#REF!</definedName>
    <definedName name="B_36">#REF!</definedName>
    <definedName name="B_38" localSheetId="2">#REF!</definedName>
    <definedName name="B_38">#REF!</definedName>
    <definedName name="BASE_A" localSheetId="2">#REF!</definedName>
    <definedName name="BASE_A">#REF!</definedName>
    <definedName name="bdi">#N/A</definedName>
    <definedName name="BDI." localSheetId="2">#REF!</definedName>
    <definedName name="BDI.">#REF!</definedName>
    <definedName name="BDI._36" localSheetId="2">#REF!</definedName>
    <definedName name="BDI._36">#REF!</definedName>
    <definedName name="bdi_10">#N/A</definedName>
    <definedName name="bdi_11">#N/A</definedName>
    <definedName name="bdi_12">#N/A</definedName>
    <definedName name="bdi_13">#N/A</definedName>
    <definedName name="bdi_14">#N/A</definedName>
    <definedName name="bdi_15">#N/A</definedName>
    <definedName name="bdi_16">#N/A</definedName>
    <definedName name="bdi_17">#N/A</definedName>
    <definedName name="bdi_18">#N/A</definedName>
    <definedName name="bdi_19">#N/A</definedName>
    <definedName name="bdi_2">#N/A</definedName>
    <definedName name="bdi_20">#N/A</definedName>
    <definedName name="bdi_21">#N/A</definedName>
    <definedName name="bdi_22">#N/A</definedName>
    <definedName name="bdi_23">#N/A</definedName>
    <definedName name="bdi_24">#N/A</definedName>
    <definedName name="bdi_25">#N/A</definedName>
    <definedName name="bdi_26">#N/A</definedName>
    <definedName name="bdi_27">#N/A</definedName>
    <definedName name="bdi_28">#N/A</definedName>
    <definedName name="bdi_29">#N/A</definedName>
    <definedName name="bdi_30">#N/A</definedName>
    <definedName name="bdi_31">#N/A</definedName>
    <definedName name="bdi_32">#N/A</definedName>
    <definedName name="bdi_33">#N/A</definedName>
    <definedName name="bdi_34">#N/A</definedName>
    <definedName name="bdi_35">#N/A</definedName>
    <definedName name="bdi_36">#N/A</definedName>
    <definedName name="bdi_37">#N/A</definedName>
    <definedName name="bdi_38">#N/A</definedName>
    <definedName name="bdi_39">#N/A</definedName>
    <definedName name="bdi_40">#N/A</definedName>
    <definedName name="bdi_41">#N/A</definedName>
    <definedName name="bdi_42">#N/A</definedName>
    <definedName name="bdi_43">#N/A</definedName>
    <definedName name="bdi_44">#N/A</definedName>
    <definedName name="bdi_45">#N/A</definedName>
    <definedName name="bdi_46">#N/A</definedName>
    <definedName name="bdi_47">#N/A</definedName>
    <definedName name="bdi_48">#N/A</definedName>
    <definedName name="bdi_49">#N/A</definedName>
    <definedName name="bdi_5">#N/A</definedName>
    <definedName name="bdi_50">#N/A</definedName>
    <definedName name="bdi_51">#N/A</definedName>
    <definedName name="bdi_52">#N/A</definedName>
    <definedName name="bdi_53">#N/A</definedName>
    <definedName name="bdi_54">#N/A</definedName>
    <definedName name="bdi_55">#N/A</definedName>
    <definedName name="bdi_56">#N/A</definedName>
    <definedName name="bdi_57">#N/A</definedName>
    <definedName name="bdi_58">#N/A</definedName>
    <definedName name="bdi_6">#N/A</definedName>
    <definedName name="bdi_60">#N/A</definedName>
    <definedName name="bdi_61">#N/A</definedName>
    <definedName name="bdi_62">#N/A</definedName>
    <definedName name="bdi_63">#N/A</definedName>
    <definedName name="bdi_64">#N/A</definedName>
    <definedName name="bdi_65">#N/A</definedName>
    <definedName name="bdi_66">#N/A</definedName>
    <definedName name="bdi_67">#N/A</definedName>
    <definedName name="bdi_68">#N/A</definedName>
    <definedName name="bdi_69">#N/A</definedName>
    <definedName name="bdi_7">#N/A</definedName>
    <definedName name="bdi_70">#N/A</definedName>
    <definedName name="bdi_71">#N/A</definedName>
    <definedName name="bdi_72">#N/A</definedName>
    <definedName name="bdi_73">#N/A</definedName>
    <definedName name="bdi_74">#N/A</definedName>
    <definedName name="bdi_75">#N/A</definedName>
    <definedName name="bdi_76">#N/A</definedName>
    <definedName name="bdi_77">#N/A</definedName>
    <definedName name="bdi_78">#N/A</definedName>
    <definedName name="bdi_79">#N/A</definedName>
    <definedName name="bdi_8">#N/A</definedName>
    <definedName name="bdi_80">#N/A</definedName>
    <definedName name="bdi_81">#N/A</definedName>
    <definedName name="bdi_82">#N/A</definedName>
    <definedName name="bdi_83">#N/A</definedName>
    <definedName name="bdi_84">#N/A</definedName>
    <definedName name="bdi_85">#N/A</definedName>
    <definedName name="bdi_86">#N/A</definedName>
    <definedName name="bdi_87">#N/A</definedName>
    <definedName name="bdi_88">#N/A</definedName>
    <definedName name="bdi_9">#N/A</definedName>
    <definedName name="bdi_92">#N/A</definedName>
    <definedName name="bdi_95">#N/A</definedName>
    <definedName name="bdi_96">#N/A</definedName>
    <definedName name="bdi_97">#N/A</definedName>
    <definedName name="bdi_98">#N/A</definedName>
    <definedName name="Bomba_putzmeister">#N/A</definedName>
    <definedName name="Bomba_putzmeister_10">#N/A</definedName>
    <definedName name="Bomba_putzmeister_11">#N/A</definedName>
    <definedName name="Bomba_putzmeister_12">#N/A</definedName>
    <definedName name="Bomba_putzmeister_13">#N/A</definedName>
    <definedName name="Bomba_putzmeister_14">#N/A</definedName>
    <definedName name="Bomba_putzmeister_15">#N/A</definedName>
    <definedName name="Bomba_putzmeister_16">#N/A</definedName>
    <definedName name="Bomba_putzmeister_17">#N/A</definedName>
    <definedName name="Bomba_putzmeister_18">#N/A</definedName>
    <definedName name="Bomba_putzmeister_19">#N/A</definedName>
    <definedName name="Bomba_putzmeister_2">#N/A</definedName>
    <definedName name="Bomba_putzmeister_20">#N/A</definedName>
    <definedName name="Bomba_putzmeister_21">#N/A</definedName>
    <definedName name="Bomba_putzmeister_22">#N/A</definedName>
    <definedName name="Bomba_putzmeister_23">#N/A</definedName>
    <definedName name="Bomba_putzmeister_24">#N/A</definedName>
    <definedName name="Bomba_putzmeister_25">#N/A</definedName>
    <definedName name="Bomba_putzmeister_26">#N/A</definedName>
    <definedName name="Bomba_putzmeister_27">#N/A</definedName>
    <definedName name="Bomba_putzmeister_28">#N/A</definedName>
    <definedName name="Bomba_putzmeister_29">#N/A</definedName>
    <definedName name="Bomba_putzmeister_30">#N/A</definedName>
    <definedName name="Bomba_putzmeister_31">#N/A</definedName>
    <definedName name="Bomba_putzmeister_32">#N/A</definedName>
    <definedName name="Bomba_putzmeister_33">#N/A</definedName>
    <definedName name="Bomba_putzmeister_34">#N/A</definedName>
    <definedName name="Bomba_putzmeister_35">#N/A</definedName>
    <definedName name="Bomba_putzmeister_36">#N/A</definedName>
    <definedName name="Bomba_putzmeister_37">#N/A</definedName>
    <definedName name="Bomba_putzmeister_38">#N/A</definedName>
    <definedName name="Bomba_putzmeister_39">#N/A</definedName>
    <definedName name="Bomba_putzmeister_40">#N/A</definedName>
    <definedName name="Bomba_putzmeister_41">#N/A</definedName>
    <definedName name="Bomba_putzmeister_42">#N/A</definedName>
    <definedName name="Bomba_putzmeister_43">#N/A</definedName>
    <definedName name="Bomba_putzmeister_44">#N/A</definedName>
    <definedName name="Bomba_putzmeister_45">#N/A</definedName>
    <definedName name="Bomba_putzmeister_46">#N/A</definedName>
    <definedName name="Bomba_putzmeister_47">#N/A</definedName>
    <definedName name="Bomba_putzmeister_48">#N/A</definedName>
    <definedName name="Bomba_putzmeister_49">#N/A</definedName>
    <definedName name="Bomba_putzmeister_5">#N/A</definedName>
    <definedName name="Bomba_putzmeister_50">#N/A</definedName>
    <definedName name="Bomba_putzmeister_51">#N/A</definedName>
    <definedName name="Bomba_putzmeister_52">#N/A</definedName>
    <definedName name="Bomba_putzmeister_53">#N/A</definedName>
    <definedName name="Bomba_putzmeister_54">#N/A</definedName>
    <definedName name="Bomba_putzmeister_55">#N/A</definedName>
    <definedName name="Bomba_putzmeister_56">#N/A</definedName>
    <definedName name="Bomba_putzmeister_57">#N/A</definedName>
    <definedName name="Bomba_putzmeister_58">#N/A</definedName>
    <definedName name="Bomba_putzmeister_6">#N/A</definedName>
    <definedName name="Bomba_putzmeister_60">#N/A</definedName>
    <definedName name="Bomba_putzmeister_61">#N/A</definedName>
    <definedName name="Bomba_putzmeister_62">#N/A</definedName>
    <definedName name="Bomba_putzmeister_63">#N/A</definedName>
    <definedName name="Bomba_putzmeister_64">#N/A</definedName>
    <definedName name="Bomba_putzmeister_65">#N/A</definedName>
    <definedName name="Bomba_putzmeister_66">#N/A</definedName>
    <definedName name="Bomba_putzmeister_67">#N/A</definedName>
    <definedName name="Bomba_putzmeister_68">#N/A</definedName>
    <definedName name="Bomba_putzmeister_69">#N/A</definedName>
    <definedName name="Bomba_putzmeister_7">#N/A</definedName>
    <definedName name="Bomba_putzmeister_70">#N/A</definedName>
    <definedName name="Bomba_putzmeister_71">#N/A</definedName>
    <definedName name="Bomba_putzmeister_72">#N/A</definedName>
    <definedName name="Bomba_putzmeister_73">#N/A</definedName>
    <definedName name="Bomba_putzmeister_74">#N/A</definedName>
    <definedName name="Bomba_putzmeister_75">#N/A</definedName>
    <definedName name="Bomba_putzmeister_76">#N/A</definedName>
    <definedName name="Bomba_putzmeister_77">#N/A</definedName>
    <definedName name="Bomba_putzmeister_78">#N/A</definedName>
    <definedName name="Bomba_putzmeister_79">#N/A</definedName>
    <definedName name="Bomba_putzmeister_8">#N/A</definedName>
    <definedName name="Bomba_putzmeister_80">#N/A</definedName>
    <definedName name="Bomba_putzmeister_81">#N/A</definedName>
    <definedName name="Bomba_putzmeister_82">#N/A</definedName>
    <definedName name="Bomba_putzmeister_83">#N/A</definedName>
    <definedName name="Bomba_putzmeister_84">#N/A</definedName>
    <definedName name="Bomba_putzmeister_85">#N/A</definedName>
    <definedName name="Bomba_putzmeister_86">#N/A</definedName>
    <definedName name="Bomba_putzmeister_87">#N/A</definedName>
    <definedName name="Bomba_putzmeister_88">#N/A</definedName>
    <definedName name="Bomba_putzmeister_9">#N/A</definedName>
    <definedName name="Bomba_putzmeister_92">#N/A</definedName>
    <definedName name="Bomba_putzmeister_95">#N/A</definedName>
    <definedName name="Bomba_putzmeister_96">#N/A</definedName>
    <definedName name="Bomba_putzmeister_97">#N/A</definedName>
    <definedName name="Bomba_putzmeister_98">#N/A</definedName>
    <definedName name="cab_cortes" localSheetId="2">#REF!</definedName>
    <definedName name="cab_cortes">#REF!</definedName>
    <definedName name="cab_dmt" localSheetId="2">#REF!</definedName>
    <definedName name="cab_dmt">#REF!</definedName>
    <definedName name="cab_limpeza" localSheetId="2">#REF!</definedName>
    <definedName name="cab_limpeza">#REF!</definedName>
    <definedName name="cabmeio" localSheetId="2">#REF!</definedName>
    <definedName name="cabmeio">#REF!</definedName>
    <definedName name="CAP">#N/A</definedName>
    <definedName name="CAP_10">#N/A</definedName>
    <definedName name="CAP_11">#N/A</definedName>
    <definedName name="CAP_12">#N/A</definedName>
    <definedName name="CAP_13">#N/A</definedName>
    <definedName name="CAP_14">#N/A</definedName>
    <definedName name="CAP_15">#N/A</definedName>
    <definedName name="CAP_16">#N/A</definedName>
    <definedName name="CAP_17">#N/A</definedName>
    <definedName name="CAP_18">#N/A</definedName>
    <definedName name="CAP_19">#N/A</definedName>
    <definedName name="CAP_20">#N/A</definedName>
    <definedName name="CAP_22">#N/A</definedName>
    <definedName name="CAP_23">#N/A</definedName>
    <definedName name="CAP_24">#N/A</definedName>
    <definedName name="CAP_25">#N/A</definedName>
    <definedName name="CAP_26">#N/A</definedName>
    <definedName name="CAP_27">#N/A</definedName>
    <definedName name="CAP_28">#N/A</definedName>
    <definedName name="CAP_29">#N/A</definedName>
    <definedName name="CAP_30">#N/A</definedName>
    <definedName name="CAP_31">#N/A</definedName>
    <definedName name="CAP_32">#N/A</definedName>
    <definedName name="CAP_33">#N/A</definedName>
    <definedName name="CAP_34">#N/A</definedName>
    <definedName name="CAP_35">#N/A</definedName>
    <definedName name="CAP_36">#N/A</definedName>
    <definedName name="CAP_37">#N/A</definedName>
    <definedName name="CAP_38">#N/A</definedName>
    <definedName name="CAP_39">#N/A</definedName>
    <definedName name="CAP_40">#N/A</definedName>
    <definedName name="CAP_41">#N/A</definedName>
    <definedName name="CAP_42">#N/A</definedName>
    <definedName name="CAP_43">#N/A</definedName>
    <definedName name="CAP_44">#N/A</definedName>
    <definedName name="CAP_45">#N/A</definedName>
    <definedName name="CAP_46">#N/A</definedName>
    <definedName name="CAP_47">#N/A</definedName>
    <definedName name="CAP_48">#N/A</definedName>
    <definedName name="CAP_49">#N/A</definedName>
    <definedName name="CAP_5">#N/A</definedName>
    <definedName name="CAP_50">#N/A</definedName>
    <definedName name="CAP_51">#N/A</definedName>
    <definedName name="CAP_52">#N/A</definedName>
    <definedName name="CAP_53">#N/A</definedName>
    <definedName name="CAP_54">#N/A</definedName>
    <definedName name="CAP_55">#N/A</definedName>
    <definedName name="CAP_56">#N/A</definedName>
    <definedName name="CAP_57">#N/A</definedName>
    <definedName name="CAP_58">#N/A</definedName>
    <definedName name="CAP_6">#N/A</definedName>
    <definedName name="CAP_60">#N/A</definedName>
    <definedName name="CAP_61">#N/A</definedName>
    <definedName name="CAP_62">#N/A</definedName>
    <definedName name="CAP_63">#N/A</definedName>
    <definedName name="CAP_64">#N/A</definedName>
    <definedName name="CAP_65">#N/A</definedName>
    <definedName name="CAP_66">#N/A</definedName>
    <definedName name="CAP_67">#N/A</definedName>
    <definedName name="CAP_68">#N/A</definedName>
    <definedName name="CAP_69">#N/A</definedName>
    <definedName name="CAP_7">#N/A</definedName>
    <definedName name="CAP_70">#N/A</definedName>
    <definedName name="CAP_71">#N/A</definedName>
    <definedName name="CAP_72">#N/A</definedName>
    <definedName name="CAP_73">#N/A</definedName>
    <definedName name="CAP_74">#N/A</definedName>
    <definedName name="CAP_75">#N/A</definedName>
    <definedName name="CAP_76">#N/A</definedName>
    <definedName name="CAP_77">#N/A</definedName>
    <definedName name="CAP_78">#N/A</definedName>
    <definedName name="CAP_79">#N/A</definedName>
    <definedName name="CAP_8">#N/A</definedName>
    <definedName name="CAP_80">#N/A</definedName>
    <definedName name="CAP_81">#N/A</definedName>
    <definedName name="CAP_82">#N/A</definedName>
    <definedName name="CAP_83">#N/A</definedName>
    <definedName name="CAP_85">#N/A</definedName>
    <definedName name="CAP_86">#N/A</definedName>
    <definedName name="CAP_87">#N/A</definedName>
    <definedName name="CAP_88">#N/A</definedName>
    <definedName name="CAP_9">#N/A</definedName>
    <definedName name="CAP_92">#N/A</definedName>
    <definedName name="Código">#N/A</definedName>
    <definedName name="Código." localSheetId="2">#REF!</definedName>
    <definedName name="Código.">#REF!</definedName>
    <definedName name="Código._36" localSheetId="2">#REF!</definedName>
    <definedName name="Código._36">#REF!</definedName>
    <definedName name="Código_10">#N/A</definedName>
    <definedName name="Código_11">#N/A</definedName>
    <definedName name="Código_12">#N/A</definedName>
    <definedName name="Código_13">#N/A</definedName>
    <definedName name="Código_14">#N/A</definedName>
    <definedName name="Código_15">#N/A</definedName>
    <definedName name="Código_16">#N/A</definedName>
    <definedName name="Código_17">#N/A</definedName>
    <definedName name="Código_18">#N/A</definedName>
    <definedName name="Código_19">#N/A</definedName>
    <definedName name="Código_20">#N/A</definedName>
    <definedName name="Código_21" localSheetId="2">#REF!</definedName>
    <definedName name="Código_21">#REF!</definedName>
    <definedName name="Código_22">#N/A</definedName>
    <definedName name="Código_23">#N/A</definedName>
    <definedName name="Código_24">#N/A</definedName>
    <definedName name="Código_25">#N/A</definedName>
    <definedName name="Código_26">#N/A</definedName>
    <definedName name="Código_27">#N/A</definedName>
    <definedName name="Código_28">#N/A</definedName>
    <definedName name="Código_29">#N/A</definedName>
    <definedName name="Código_30">#N/A</definedName>
    <definedName name="Código_31">#N/A</definedName>
    <definedName name="Código_32">#N/A</definedName>
    <definedName name="Código_33">#N/A</definedName>
    <definedName name="Código_34">#N/A</definedName>
    <definedName name="Código_35">#N/A</definedName>
    <definedName name="Código_36">#N/A</definedName>
    <definedName name="Código_37">#N/A</definedName>
    <definedName name="Código_38">#N/A</definedName>
    <definedName name="Código_39">#N/A</definedName>
    <definedName name="Código_40">#N/A</definedName>
    <definedName name="Código_41">#N/A</definedName>
    <definedName name="Código_42">#N/A</definedName>
    <definedName name="Código_43">#N/A</definedName>
    <definedName name="Código_44">#N/A</definedName>
    <definedName name="Código_45">#N/A</definedName>
    <definedName name="Código_46">#N/A</definedName>
    <definedName name="Código_47">#N/A</definedName>
    <definedName name="Código_48">#N/A</definedName>
    <definedName name="Código_49">#N/A</definedName>
    <definedName name="Código_5">#N/A</definedName>
    <definedName name="Código_50">#N/A</definedName>
    <definedName name="Código_51">#N/A</definedName>
    <definedName name="Código_52">#N/A</definedName>
    <definedName name="Código_53">#N/A</definedName>
    <definedName name="Código_54">#N/A</definedName>
    <definedName name="Código_55">#N/A</definedName>
    <definedName name="Código_56">#N/A</definedName>
    <definedName name="Código_57">#N/A</definedName>
    <definedName name="Código_58">#N/A</definedName>
    <definedName name="Código_6">#N/A</definedName>
    <definedName name="Código_60">#N/A</definedName>
    <definedName name="Código_61">#N/A</definedName>
    <definedName name="Código_62">#N/A</definedName>
    <definedName name="Código_63">#N/A</definedName>
    <definedName name="Código_64">#N/A</definedName>
    <definedName name="Código_65">#N/A</definedName>
    <definedName name="Código_66">#N/A</definedName>
    <definedName name="Código_67">#N/A</definedName>
    <definedName name="Código_68">#N/A</definedName>
    <definedName name="Código_69">#N/A</definedName>
    <definedName name="Código_7">#N/A</definedName>
    <definedName name="Código_70">#N/A</definedName>
    <definedName name="Código_71">#N/A</definedName>
    <definedName name="Código_72">#N/A</definedName>
    <definedName name="Código_73">#N/A</definedName>
    <definedName name="Código_74">#N/A</definedName>
    <definedName name="Código_75">#N/A</definedName>
    <definedName name="Código_76">#N/A</definedName>
    <definedName name="Código_77">#N/A</definedName>
    <definedName name="Código_78">#N/A</definedName>
    <definedName name="Código_79">#N/A</definedName>
    <definedName name="Código_8">#N/A</definedName>
    <definedName name="Código_80">#N/A</definedName>
    <definedName name="Código_81">#N/A</definedName>
    <definedName name="Código_82">#N/A</definedName>
    <definedName name="Código_83">#N/A</definedName>
    <definedName name="Código_85">#N/A</definedName>
    <definedName name="Código_86">#N/A</definedName>
    <definedName name="Código_87">#N/A</definedName>
    <definedName name="Código_88">#N/A</definedName>
    <definedName name="Código_9">#N/A</definedName>
    <definedName name="Código_92">#N/A</definedName>
    <definedName name="COM010201_36" localSheetId="2">#REF!</definedName>
    <definedName name="COM010201_36">#REF!</definedName>
    <definedName name="COM010202_36" localSheetId="2">#REF!</definedName>
    <definedName name="COM010202_36">#REF!</definedName>
    <definedName name="COM010205_36" localSheetId="2">#REF!</definedName>
    <definedName name="COM010205_36">#REF!</definedName>
    <definedName name="COM010206_36" localSheetId="2">#REF!</definedName>
    <definedName name="COM010206_36">#REF!</definedName>
    <definedName name="COM010210_36" localSheetId="2">#REF!</definedName>
    <definedName name="COM010210_36">#REF!</definedName>
    <definedName name="COM010301_36" localSheetId="2">#REF!</definedName>
    <definedName name="COM010301_36">#REF!</definedName>
    <definedName name="COM010401_36" localSheetId="2">#REF!</definedName>
    <definedName name="COM010401_36">#REF!</definedName>
    <definedName name="COM010402_36" localSheetId="2">#REF!</definedName>
    <definedName name="COM010402_36">#REF!</definedName>
    <definedName name="COM010407_36" localSheetId="2">#REF!</definedName>
    <definedName name="COM010407_36">#REF!</definedName>
    <definedName name="COM010413_36" localSheetId="2">#REF!</definedName>
    <definedName name="COM010413_36">#REF!</definedName>
    <definedName name="COM010501_36" localSheetId="2">#REF!</definedName>
    <definedName name="COM010501_36">#REF!</definedName>
    <definedName name="COM010503_36" localSheetId="2">#REF!</definedName>
    <definedName name="COM010503_36">#REF!</definedName>
    <definedName name="COM010505_36" localSheetId="2">#REF!</definedName>
    <definedName name="COM010505_36">#REF!</definedName>
    <definedName name="COM010509_36" localSheetId="2">#REF!</definedName>
    <definedName name="COM010509_36">#REF!</definedName>
    <definedName name="COM010512_36" localSheetId="2">#REF!</definedName>
    <definedName name="COM010512_36">#REF!</definedName>
    <definedName name="COM010518_36" localSheetId="2">#REF!</definedName>
    <definedName name="COM010518_36">#REF!</definedName>
    <definedName name="COM010519_36" localSheetId="2">#REF!</definedName>
    <definedName name="COM010519_36">#REF!</definedName>
    <definedName name="COM010521_36" localSheetId="2">#REF!</definedName>
    <definedName name="COM010521_36">#REF!</definedName>
    <definedName name="COM010523_36" localSheetId="2">#REF!</definedName>
    <definedName name="COM010523_36">#REF!</definedName>
    <definedName name="COM010532_36" localSheetId="2">#REF!</definedName>
    <definedName name="COM010532_36">#REF!</definedName>
    <definedName name="COM010533_36" localSheetId="2">#REF!</definedName>
    <definedName name="COM010533_36">#REF!</definedName>
    <definedName name="COM010536_36" localSheetId="2">#REF!</definedName>
    <definedName name="COM010536_36">#REF!</definedName>
    <definedName name="COM010701_36" localSheetId="2">#REF!</definedName>
    <definedName name="COM010701_36">#REF!</definedName>
    <definedName name="COM010703_36" localSheetId="2">#REF!</definedName>
    <definedName name="COM010703_36">#REF!</definedName>
    <definedName name="COM010705_36" localSheetId="2">#REF!</definedName>
    <definedName name="COM010705_36">#REF!</definedName>
    <definedName name="COM010708_36" localSheetId="2">#REF!</definedName>
    <definedName name="COM010708_36">#REF!</definedName>
    <definedName name="COM010710_36" localSheetId="2">#REF!</definedName>
    <definedName name="COM010710_36">#REF!</definedName>
    <definedName name="COM010712_36" localSheetId="2">#REF!</definedName>
    <definedName name="COM010712_36">#REF!</definedName>
    <definedName name="COM010717_36" localSheetId="2">#REF!</definedName>
    <definedName name="COM010717_36">#REF!</definedName>
    <definedName name="COM010718_36" localSheetId="2">#REF!</definedName>
    <definedName name="COM010718_36">#REF!</definedName>
    <definedName name="COM020201_36" localSheetId="2">#REF!</definedName>
    <definedName name="COM020201_36">#REF!</definedName>
    <definedName name="COM020205_36" localSheetId="2">#REF!</definedName>
    <definedName name="COM020205_36">#REF!</definedName>
    <definedName name="COM020211_36" localSheetId="2">#REF!</definedName>
    <definedName name="COM020211_36">#REF!</definedName>
    <definedName name="COM020217_36" localSheetId="2">#REF!</definedName>
    <definedName name="COM020217_36">#REF!</definedName>
    <definedName name="COM030102_36" localSheetId="2">#REF!</definedName>
    <definedName name="COM030102_36">#REF!</definedName>
    <definedName name="COM030201_36" localSheetId="2">#REF!</definedName>
    <definedName name="COM030201_36">#REF!</definedName>
    <definedName name="COM030303_36" localSheetId="2">#REF!</definedName>
    <definedName name="COM030303_36">#REF!</definedName>
    <definedName name="COM030317_36" localSheetId="2">#REF!</definedName>
    <definedName name="COM030317_36">#REF!</definedName>
    <definedName name="COM040101_36" localSheetId="2">#REF!</definedName>
    <definedName name="COM040101_36">#REF!</definedName>
    <definedName name="COM040202_36" localSheetId="2">#REF!</definedName>
    <definedName name="COM040202_36">#REF!</definedName>
    <definedName name="COM050103_36" localSheetId="2">#REF!</definedName>
    <definedName name="COM050103_36">#REF!</definedName>
    <definedName name="COM050207_36" localSheetId="2">#REF!</definedName>
    <definedName name="COM050207_36">#REF!</definedName>
    <definedName name="COM060101_36" localSheetId="2">#REF!</definedName>
    <definedName name="COM060101_36">#REF!</definedName>
    <definedName name="COM080101_36" localSheetId="2">#REF!</definedName>
    <definedName name="COM080101_36">#REF!</definedName>
    <definedName name="COM080310_36" localSheetId="2">#REF!</definedName>
    <definedName name="COM080310_36">#REF!</definedName>
    <definedName name="COM090101_36" localSheetId="2">#REF!</definedName>
    <definedName name="COM090101_36">#REF!</definedName>
    <definedName name="COM100302_36" localSheetId="2">#REF!</definedName>
    <definedName name="COM100302_36">#REF!</definedName>
    <definedName name="COM110101_36" localSheetId="2">#REF!</definedName>
    <definedName name="COM110101_36">#REF!</definedName>
    <definedName name="COM110104_36" localSheetId="2">#REF!</definedName>
    <definedName name="COM110104_36">#REF!</definedName>
    <definedName name="COM110107_36" localSheetId="2">#REF!</definedName>
    <definedName name="COM110107_36">#REF!</definedName>
    <definedName name="COM120101_36" localSheetId="2">#REF!</definedName>
    <definedName name="COM120101_36">#REF!</definedName>
    <definedName name="COM120105_36" localSheetId="2">#REF!</definedName>
    <definedName name="COM120105_36">#REF!</definedName>
    <definedName name="COM120106_36" localSheetId="2">#REF!</definedName>
    <definedName name="COM120106_36">#REF!</definedName>
    <definedName name="COM120107_36" localSheetId="2">#REF!</definedName>
    <definedName name="COM120107_36">#REF!</definedName>
    <definedName name="COM120110_36" localSheetId="2">#REF!</definedName>
    <definedName name="COM120110_36">#REF!</definedName>
    <definedName name="COM120150_36" localSheetId="2">#REF!</definedName>
    <definedName name="COM120150_36">#REF!</definedName>
    <definedName name="COM130101_36" localSheetId="2">#REF!</definedName>
    <definedName name="COM130101_36">#REF!</definedName>
    <definedName name="COM130103_36" localSheetId="2">#REF!</definedName>
    <definedName name="COM130103_36">#REF!</definedName>
    <definedName name="COM130304_36" localSheetId="2">#REF!</definedName>
    <definedName name="COM130304_36">#REF!</definedName>
    <definedName name="COM130401_36" localSheetId="2">#REF!</definedName>
    <definedName name="COM130401_36">#REF!</definedName>
    <definedName name="COM140102_36" localSheetId="2">#REF!</definedName>
    <definedName name="COM140102_36">#REF!</definedName>
    <definedName name="COM140109_36" localSheetId="2">#REF!</definedName>
    <definedName name="COM140109_36">#REF!</definedName>
    <definedName name="COM140113_36" localSheetId="2">#REF!</definedName>
    <definedName name="COM140113_36">#REF!</definedName>
    <definedName name="COM140122_36" localSheetId="2">#REF!</definedName>
    <definedName name="COM140122_36">#REF!</definedName>
    <definedName name="COM140126_36" localSheetId="2">#REF!</definedName>
    <definedName name="COM140126_36">#REF!</definedName>
    <definedName name="COM140129_36" localSheetId="2">#REF!</definedName>
    <definedName name="COM140129_36">#REF!</definedName>
    <definedName name="COM140135_36" localSheetId="2">#REF!</definedName>
    <definedName name="COM140135_36">#REF!</definedName>
    <definedName name="COM140143_36" localSheetId="2">#REF!</definedName>
    <definedName name="COM140143_36">#REF!</definedName>
    <definedName name="COM140145_36" localSheetId="2">#REF!</definedName>
    <definedName name="COM140145_36">#REF!</definedName>
    <definedName name="COM150130_36" localSheetId="2">#REF!</definedName>
    <definedName name="COM150130_36">#REF!</definedName>
    <definedName name="COM170101_36" localSheetId="2">#REF!</definedName>
    <definedName name="COM170101_36">#REF!</definedName>
    <definedName name="COM170102_36" localSheetId="2">#REF!</definedName>
    <definedName name="COM170102_36">#REF!</definedName>
    <definedName name="COM170103_36" localSheetId="2">#REF!</definedName>
    <definedName name="COM170103_36">#REF!</definedName>
    <definedName name="corte">#N/A</definedName>
    <definedName name="corte_10">#N/A</definedName>
    <definedName name="corte_11">#N/A</definedName>
    <definedName name="corte_12">#N/A</definedName>
    <definedName name="corte_13">#N/A</definedName>
    <definedName name="corte_14">#N/A</definedName>
    <definedName name="corte_15">#N/A</definedName>
    <definedName name="corte_16">#N/A</definedName>
    <definedName name="corte_17">#N/A</definedName>
    <definedName name="corte_18">#N/A</definedName>
    <definedName name="corte_19">#N/A</definedName>
    <definedName name="corte_20">#N/A</definedName>
    <definedName name="corte_21" localSheetId="2">#REF!</definedName>
    <definedName name="corte_21">#REF!</definedName>
    <definedName name="corte_22">#N/A</definedName>
    <definedName name="corte_23">#N/A</definedName>
    <definedName name="corte_24">#N/A</definedName>
    <definedName name="corte_25">#N/A</definedName>
    <definedName name="corte_26">#N/A</definedName>
    <definedName name="corte_27">#N/A</definedName>
    <definedName name="corte_28">#N/A</definedName>
    <definedName name="corte_29">#N/A</definedName>
    <definedName name="corte_30">#N/A</definedName>
    <definedName name="corte_31">#N/A</definedName>
    <definedName name="corte_32">#N/A</definedName>
    <definedName name="corte_33">#N/A</definedName>
    <definedName name="corte_34">#N/A</definedName>
    <definedName name="corte_35">#N/A</definedName>
    <definedName name="corte_36">#N/A</definedName>
    <definedName name="corte_37">#N/A</definedName>
    <definedName name="corte_38">#N/A</definedName>
    <definedName name="corte_39">#N/A</definedName>
    <definedName name="corte_40">#N/A</definedName>
    <definedName name="corte_41">#N/A</definedName>
    <definedName name="corte_42">#N/A</definedName>
    <definedName name="corte_43">#N/A</definedName>
    <definedName name="corte_44">#N/A</definedName>
    <definedName name="corte_45">#N/A</definedName>
    <definedName name="corte_46">#N/A</definedName>
    <definedName name="corte_47">#N/A</definedName>
    <definedName name="corte_48">#N/A</definedName>
    <definedName name="corte_49">#N/A</definedName>
    <definedName name="corte_5">#N/A</definedName>
    <definedName name="corte_50">#N/A</definedName>
    <definedName name="corte_51">#N/A</definedName>
    <definedName name="corte_52">#N/A</definedName>
    <definedName name="corte_53">#N/A</definedName>
    <definedName name="corte_54">#N/A</definedName>
    <definedName name="corte_55">#N/A</definedName>
    <definedName name="corte_56">#N/A</definedName>
    <definedName name="corte_57">#N/A</definedName>
    <definedName name="corte_58">#N/A</definedName>
    <definedName name="corte_6">#N/A</definedName>
    <definedName name="corte_60">#N/A</definedName>
    <definedName name="corte_61">#N/A</definedName>
    <definedName name="corte_62">#N/A</definedName>
    <definedName name="corte_63">#N/A</definedName>
    <definedName name="corte_64">#N/A</definedName>
    <definedName name="corte_65">#N/A</definedName>
    <definedName name="corte_66">#N/A</definedName>
    <definedName name="corte_67">#N/A</definedName>
    <definedName name="corte_68">#N/A</definedName>
    <definedName name="corte_69">#N/A</definedName>
    <definedName name="corte_7">#N/A</definedName>
    <definedName name="corte_70">#N/A</definedName>
    <definedName name="corte_71">#N/A</definedName>
    <definedName name="corte_72">#N/A</definedName>
    <definedName name="corte_73">#N/A</definedName>
    <definedName name="corte_74">#N/A</definedName>
    <definedName name="corte_75">#N/A</definedName>
    <definedName name="corte_76">#N/A</definedName>
    <definedName name="corte_77">#N/A</definedName>
    <definedName name="corte_78">#N/A</definedName>
    <definedName name="corte_79">#N/A</definedName>
    <definedName name="corte_8">#N/A</definedName>
    <definedName name="corte_80">#N/A</definedName>
    <definedName name="corte_81">#N/A</definedName>
    <definedName name="corte_82">#N/A</definedName>
    <definedName name="corte_83">#N/A</definedName>
    <definedName name="corte_85">#N/A</definedName>
    <definedName name="corte_86">#N/A</definedName>
    <definedName name="corte_87">#N/A</definedName>
    <definedName name="corte_88">#N/A</definedName>
    <definedName name="corte_9">#N/A</definedName>
    <definedName name="corte_92">#N/A</definedName>
    <definedName name="CriarResumo">[0]!CriarResumo</definedName>
    <definedName name="data" localSheetId="2">#REF!</definedName>
    <definedName name="data">#REF!</definedName>
    <definedName name="datasource_36" localSheetId="2">#REF!</definedName>
    <definedName name="datasource_36">#REF!</definedName>
    <definedName name="densidade_cap" localSheetId="2">#REF!</definedName>
    <definedName name="densidade_cap">#REF!</definedName>
    <definedName name="DES" localSheetId="2">#REF!</definedName>
    <definedName name="DES">#REF!</definedName>
    <definedName name="DES_36" localSheetId="2">#REF!</definedName>
    <definedName name="DES_36">#REF!</definedName>
    <definedName name="DMT">#N/A</definedName>
    <definedName name="DMT_0_50" localSheetId="2">#REF!</definedName>
    <definedName name="DMT_0_50">#REF!</definedName>
    <definedName name="DMT_10">#N/A</definedName>
    <definedName name="DMT_1000" localSheetId="2">#REF!</definedName>
    <definedName name="DMT_1000">#REF!</definedName>
    <definedName name="DMT_11">#N/A</definedName>
    <definedName name="DMT_12">#N/A</definedName>
    <definedName name="DMT_13">#N/A</definedName>
    <definedName name="DMT_14">#N/A</definedName>
    <definedName name="DMT_15">#N/A</definedName>
    <definedName name="DMT_16">#N/A</definedName>
    <definedName name="DMT_17">#N/A</definedName>
    <definedName name="DMT_18">#N/A</definedName>
    <definedName name="DMT_19">#N/A</definedName>
    <definedName name="DMT_20">#N/A</definedName>
    <definedName name="DMT_200" localSheetId="2">#REF!</definedName>
    <definedName name="DMT_200">#REF!</definedName>
    <definedName name="DMT_200_400" localSheetId="2">#REF!</definedName>
    <definedName name="DMT_200_400">#REF!</definedName>
    <definedName name="DMT_22">#N/A</definedName>
    <definedName name="DMT_23">#N/A</definedName>
    <definedName name="DMT_24">#N/A</definedName>
    <definedName name="DMT_25">#N/A</definedName>
    <definedName name="DMT_26">#N/A</definedName>
    <definedName name="DMT_27">#N/A</definedName>
    <definedName name="DMT_28">#N/A</definedName>
    <definedName name="DMT_29">#N/A</definedName>
    <definedName name="DMT_30">#N/A</definedName>
    <definedName name="DMT_31">#N/A</definedName>
    <definedName name="DMT_32">#N/A</definedName>
    <definedName name="DMT_33">#N/A</definedName>
    <definedName name="DMT_34">#N/A</definedName>
    <definedName name="DMT_35">#N/A</definedName>
    <definedName name="DMT_36">#N/A</definedName>
    <definedName name="DMT_37">#N/A</definedName>
    <definedName name="DMT_38">#N/A</definedName>
    <definedName name="DMT_39">#N/A</definedName>
    <definedName name="DMT_40">#N/A</definedName>
    <definedName name="DMT_400" localSheetId="2">#REF!</definedName>
    <definedName name="DMT_400">#REF!</definedName>
    <definedName name="DMT_400_600" localSheetId="2">#REF!</definedName>
    <definedName name="DMT_400_600">#REF!</definedName>
    <definedName name="DMT_41">#N/A</definedName>
    <definedName name="DMT_42">#N/A</definedName>
    <definedName name="DMT_43">#N/A</definedName>
    <definedName name="DMT_44">#N/A</definedName>
    <definedName name="DMT_45">#N/A</definedName>
    <definedName name="DMT_46">#N/A</definedName>
    <definedName name="DMT_47">#N/A</definedName>
    <definedName name="DMT_48">#N/A</definedName>
    <definedName name="DMT_49">#N/A</definedName>
    <definedName name="DMT_5">#N/A</definedName>
    <definedName name="DMT_50">#N/A</definedName>
    <definedName name="DMT_50_200" localSheetId="2">#REF!</definedName>
    <definedName name="DMT_50_200">#REF!</definedName>
    <definedName name="DMT_51">#N/A</definedName>
    <definedName name="DMT_52">#N/A</definedName>
    <definedName name="DMT_53">#N/A</definedName>
    <definedName name="DMT_54">#N/A</definedName>
    <definedName name="DMT_55">#N/A</definedName>
    <definedName name="DMT_56">#N/A</definedName>
    <definedName name="DMT_57">#N/A</definedName>
    <definedName name="DMT_58">#N/A</definedName>
    <definedName name="DMT_6">#N/A</definedName>
    <definedName name="DMT_60">#N/A</definedName>
    <definedName name="DMT_600" localSheetId="2">#REF!</definedName>
    <definedName name="DMT_600">#REF!</definedName>
    <definedName name="DMT_61">#N/A</definedName>
    <definedName name="DMT_62">#N/A</definedName>
    <definedName name="DMT_63">#N/A</definedName>
    <definedName name="DMT_64">#N/A</definedName>
    <definedName name="DMT_65">#N/A</definedName>
    <definedName name="DMT_66">#N/A</definedName>
    <definedName name="DMT_67">#N/A</definedName>
    <definedName name="DMT_68">#N/A</definedName>
    <definedName name="DMT_69">#N/A</definedName>
    <definedName name="DMT_7">#N/A</definedName>
    <definedName name="DMT_70">#N/A</definedName>
    <definedName name="DMT_71">#N/A</definedName>
    <definedName name="DMT_72">#N/A</definedName>
    <definedName name="DMT_73">#N/A</definedName>
    <definedName name="DMT_74">#N/A</definedName>
    <definedName name="DMT_75">#N/A</definedName>
    <definedName name="DMT_76">#N/A</definedName>
    <definedName name="DMT_77">#N/A</definedName>
    <definedName name="DMT_78">#N/A</definedName>
    <definedName name="DMT_79">#N/A</definedName>
    <definedName name="DMT_8">#N/A</definedName>
    <definedName name="DMT_80">#N/A</definedName>
    <definedName name="DMT_800" localSheetId="2">#REF!</definedName>
    <definedName name="DMT_800">#REF!</definedName>
    <definedName name="DMT_81">#N/A</definedName>
    <definedName name="DMT_82">#N/A</definedName>
    <definedName name="DMT_83">#N/A</definedName>
    <definedName name="DMT_85">#N/A</definedName>
    <definedName name="DMT_86">#N/A</definedName>
    <definedName name="DMT_87">#N/A</definedName>
    <definedName name="DMT_88">#N/A</definedName>
    <definedName name="DMT_89">#N/A</definedName>
    <definedName name="DMT_9">#N/A</definedName>
    <definedName name="DMT_90">#N/A</definedName>
    <definedName name="DMT_92">#N/A</definedName>
    <definedName name="drena" localSheetId="2">#REF!</definedName>
    <definedName name="drena">#REF!</definedName>
    <definedName name="e">[0]!e</definedName>
    <definedName name="eee">[0]!eee</definedName>
    <definedName name="Empolamento" localSheetId="2">#REF!</definedName>
    <definedName name="Empolamento">#REF!</definedName>
    <definedName name="eprd_cod_36" localSheetId="2">#REF!</definedName>
    <definedName name="eprd_cod_36">#REF!</definedName>
    <definedName name="EPVT">#N/A</definedName>
    <definedName name="EPVT_10">#N/A</definedName>
    <definedName name="EPVT_11">#N/A</definedName>
    <definedName name="EPVT_12">#N/A</definedName>
    <definedName name="EPVT_13">#N/A</definedName>
    <definedName name="EPVT_14">#N/A</definedName>
    <definedName name="EPVT_15">#N/A</definedName>
    <definedName name="EPVT_16">#N/A</definedName>
    <definedName name="EPVT_17">#N/A</definedName>
    <definedName name="EPVT_18">#N/A</definedName>
    <definedName name="EPVT_19">#N/A</definedName>
    <definedName name="EPVT_20">#N/A</definedName>
    <definedName name="EPVT_21" localSheetId="2">#REF!</definedName>
    <definedName name="EPVT_21">#REF!</definedName>
    <definedName name="EPVT_22">#N/A</definedName>
    <definedName name="EPVT_23">#N/A</definedName>
    <definedName name="EPVT_24">#N/A</definedName>
    <definedName name="EPVT_25">#N/A</definedName>
    <definedName name="EPVT_26">#N/A</definedName>
    <definedName name="EPVT_27">#N/A</definedName>
    <definedName name="EPVT_28">#N/A</definedName>
    <definedName name="EPVT_29">#N/A</definedName>
    <definedName name="EPVT_30">#N/A</definedName>
    <definedName name="EPVT_31">#N/A</definedName>
    <definedName name="EPVT_32">#N/A</definedName>
    <definedName name="EPVT_33">#N/A</definedName>
    <definedName name="EPVT_34">#N/A</definedName>
    <definedName name="EPVT_35">#N/A</definedName>
    <definedName name="EPVT_36">#N/A</definedName>
    <definedName name="EPVT_37">#N/A</definedName>
    <definedName name="EPVT_38">#N/A</definedName>
    <definedName name="EPVT_39">#N/A</definedName>
    <definedName name="EPVT_40">#N/A</definedName>
    <definedName name="EPVT_41">#N/A</definedName>
    <definedName name="EPVT_42">#N/A</definedName>
    <definedName name="EPVT_43">#N/A</definedName>
    <definedName name="EPVT_44">#N/A</definedName>
    <definedName name="EPVT_45">#N/A</definedName>
    <definedName name="EPVT_46">#N/A</definedName>
    <definedName name="EPVT_47">#N/A</definedName>
    <definedName name="EPVT_48">#N/A</definedName>
    <definedName name="EPVT_49">#N/A</definedName>
    <definedName name="EPVT_5">#N/A</definedName>
    <definedName name="EPVT_50">#N/A</definedName>
    <definedName name="EPVT_51">#N/A</definedName>
    <definedName name="EPVT_52">#N/A</definedName>
    <definedName name="EPVT_53">#N/A</definedName>
    <definedName name="EPVT_54">#N/A</definedName>
    <definedName name="EPVT_55">#N/A</definedName>
    <definedName name="EPVT_56">#N/A</definedName>
    <definedName name="EPVT_57">#N/A</definedName>
    <definedName name="EPVT_58">#N/A</definedName>
    <definedName name="EPVT_6">#N/A</definedName>
    <definedName name="EPVT_60">#N/A</definedName>
    <definedName name="EPVT_61">#N/A</definedName>
    <definedName name="EPVT_62">#N/A</definedName>
    <definedName name="EPVT_63">#N/A</definedName>
    <definedName name="EPVT_64">#N/A</definedName>
    <definedName name="EPVT_65">#N/A</definedName>
    <definedName name="EPVT_66">#N/A</definedName>
    <definedName name="EPVT_67">#N/A</definedName>
    <definedName name="EPVT_68">#N/A</definedName>
    <definedName name="EPVT_69">#N/A</definedName>
    <definedName name="EPVT_7">#N/A</definedName>
    <definedName name="EPVT_70">#N/A</definedName>
    <definedName name="EPVT_71">#N/A</definedName>
    <definedName name="EPVT_72">#N/A</definedName>
    <definedName name="EPVT_73">#N/A</definedName>
    <definedName name="EPVT_74">#N/A</definedName>
    <definedName name="EPVT_75">#N/A</definedName>
    <definedName name="EPVT_76">#N/A</definedName>
    <definedName name="EPVT_77">#N/A</definedName>
    <definedName name="EPVT_78">#N/A</definedName>
    <definedName name="EPVT_79">#N/A</definedName>
    <definedName name="EPVT_8">#N/A</definedName>
    <definedName name="EPVT_80">#N/A</definedName>
    <definedName name="EPVT_81">#N/A</definedName>
    <definedName name="EPVT_82">#N/A</definedName>
    <definedName name="EPVT_83">#N/A</definedName>
    <definedName name="EPVT_85">#N/A</definedName>
    <definedName name="EPVT_86">#N/A</definedName>
    <definedName name="EPVT_87">#N/A</definedName>
    <definedName name="EPVT_88">#N/A</definedName>
    <definedName name="EPVT_9">#N/A</definedName>
    <definedName name="EPVT_92">#N/A</definedName>
    <definedName name="EQPTO">#N/A</definedName>
    <definedName name="EQPTO_10">#N/A</definedName>
    <definedName name="EQPTO_11">#N/A</definedName>
    <definedName name="EQPTO_12">#N/A</definedName>
    <definedName name="EQPTO_13">#N/A</definedName>
    <definedName name="EQPTO_14">#N/A</definedName>
    <definedName name="EQPTO_15">#N/A</definedName>
    <definedName name="EQPTO_16">#N/A</definedName>
    <definedName name="EQPTO_17">#N/A</definedName>
    <definedName name="EQPTO_18">#N/A</definedName>
    <definedName name="EQPTO_19">#N/A</definedName>
    <definedName name="EQPTO_20">#N/A</definedName>
    <definedName name="EQPTO_21" localSheetId="2">#REF!</definedName>
    <definedName name="EQPTO_21">#REF!</definedName>
    <definedName name="EQPTO_22">#N/A</definedName>
    <definedName name="EQPTO_23">#N/A</definedName>
    <definedName name="EQPTO_24">#N/A</definedName>
    <definedName name="EQPTO_25">#N/A</definedName>
    <definedName name="EQPTO_26">#N/A</definedName>
    <definedName name="EQPTO_27">#N/A</definedName>
    <definedName name="EQPTO_28">#N/A</definedName>
    <definedName name="EQPTO_29">#N/A</definedName>
    <definedName name="EQPTO_30">#N/A</definedName>
    <definedName name="EQPTO_31">#N/A</definedName>
    <definedName name="EQPTO_32">#N/A</definedName>
    <definedName name="EQPTO_33">#N/A</definedName>
    <definedName name="EQPTO_34">#N/A</definedName>
    <definedName name="EQPTO_35">#N/A</definedName>
    <definedName name="EQPTO_36">#N/A</definedName>
    <definedName name="EQPTO_37">#N/A</definedName>
    <definedName name="EQPTO_38">#N/A</definedName>
    <definedName name="EQPTO_39">#N/A</definedName>
    <definedName name="EQPTO_40">#N/A</definedName>
    <definedName name="EQPTO_41">#N/A</definedName>
    <definedName name="EQPTO_42">#N/A</definedName>
    <definedName name="EQPTO_43">#N/A</definedName>
    <definedName name="EQPTO_44">#N/A</definedName>
    <definedName name="EQPTO_45">#N/A</definedName>
    <definedName name="EQPTO_46">#N/A</definedName>
    <definedName name="EQPTO_47">#N/A</definedName>
    <definedName name="EQPTO_48">#N/A</definedName>
    <definedName name="EQPTO_49">#N/A</definedName>
    <definedName name="EQPTO_5">#N/A</definedName>
    <definedName name="EQPTO_50">#N/A</definedName>
    <definedName name="EQPTO_51">#N/A</definedName>
    <definedName name="EQPTO_52">#N/A</definedName>
    <definedName name="EQPTO_53">#N/A</definedName>
    <definedName name="EQPTO_54">#N/A</definedName>
    <definedName name="EQPTO_55">#N/A</definedName>
    <definedName name="EQPTO_56">#N/A</definedName>
    <definedName name="EQPTO_57">#N/A</definedName>
    <definedName name="EQPTO_58">#N/A</definedName>
    <definedName name="EQPTO_6">#N/A</definedName>
    <definedName name="EQPTO_60">#N/A</definedName>
    <definedName name="EQPTO_61">#N/A</definedName>
    <definedName name="EQPTO_62">#N/A</definedName>
    <definedName name="EQPTO_63">#N/A</definedName>
    <definedName name="EQPTO_64">#N/A</definedName>
    <definedName name="EQPTO_65">#N/A</definedName>
    <definedName name="EQPTO_66">#N/A</definedName>
    <definedName name="EQPTO_67">#N/A</definedName>
    <definedName name="EQPTO_68">#N/A</definedName>
    <definedName name="EQPTO_69">#N/A</definedName>
    <definedName name="EQPTO_7">#N/A</definedName>
    <definedName name="EQPTO_70">#N/A</definedName>
    <definedName name="EQPTO_71">#N/A</definedName>
    <definedName name="EQPTO_72">#N/A</definedName>
    <definedName name="EQPTO_73">#N/A</definedName>
    <definedName name="EQPTO_74">#N/A</definedName>
    <definedName name="EQPTO_75">#N/A</definedName>
    <definedName name="EQPTO_76">#N/A</definedName>
    <definedName name="EQPTO_77">#N/A</definedName>
    <definedName name="EQPTO_78">#N/A</definedName>
    <definedName name="EQPTO_79">#N/A</definedName>
    <definedName name="EQPTO_8">#N/A</definedName>
    <definedName name="EQPTO_80">#N/A</definedName>
    <definedName name="EQPTO_81">#N/A</definedName>
    <definedName name="EQPTO_82">#N/A</definedName>
    <definedName name="EQPTO_83">#N/A</definedName>
    <definedName name="EQPTO_85">#N/A</definedName>
    <definedName name="EQPTO_86">#N/A</definedName>
    <definedName name="EQPTO_87">#N/A</definedName>
    <definedName name="EQPTO_88">#N/A</definedName>
    <definedName name="EQPTO_9">#N/A</definedName>
    <definedName name="EQPTO_92">#N/A</definedName>
    <definedName name="est">#N/A</definedName>
    <definedName name="est_10">#N/A</definedName>
    <definedName name="est_11">#N/A</definedName>
    <definedName name="est_12">#N/A</definedName>
    <definedName name="est_13">#N/A</definedName>
    <definedName name="est_14">#N/A</definedName>
    <definedName name="est_15">#N/A</definedName>
    <definedName name="est_16">#N/A</definedName>
    <definedName name="est_17">#N/A</definedName>
    <definedName name="est_18">#N/A</definedName>
    <definedName name="est_19">#N/A</definedName>
    <definedName name="est_20">#N/A</definedName>
    <definedName name="est_21" localSheetId="2">#REF!</definedName>
    <definedName name="est_21">#REF!</definedName>
    <definedName name="est_22">#N/A</definedName>
    <definedName name="est_23">#N/A</definedName>
    <definedName name="est_24">#N/A</definedName>
    <definedName name="est_25">#N/A</definedName>
    <definedName name="est_26">#N/A</definedName>
    <definedName name="est_27">#N/A</definedName>
    <definedName name="est_28">#N/A</definedName>
    <definedName name="est_29">#N/A</definedName>
    <definedName name="est_30">#N/A</definedName>
    <definedName name="est_31">#N/A</definedName>
    <definedName name="est_32">#N/A</definedName>
    <definedName name="est_33">#N/A</definedName>
    <definedName name="est_34">#N/A</definedName>
    <definedName name="est_35">#N/A</definedName>
    <definedName name="est_36">#N/A</definedName>
    <definedName name="est_37">#N/A</definedName>
    <definedName name="est_38">#N/A</definedName>
    <definedName name="est_39">#N/A</definedName>
    <definedName name="est_40">#N/A</definedName>
    <definedName name="est_41">#N/A</definedName>
    <definedName name="est_42">#N/A</definedName>
    <definedName name="est_43">#N/A</definedName>
    <definedName name="est_44">#N/A</definedName>
    <definedName name="est_45">#N/A</definedName>
    <definedName name="est_46">#N/A</definedName>
    <definedName name="est_47">#N/A</definedName>
    <definedName name="est_48">#N/A</definedName>
    <definedName name="est_49">#N/A</definedName>
    <definedName name="est_5">#N/A</definedName>
    <definedName name="est_50">#N/A</definedName>
    <definedName name="est_51">#N/A</definedName>
    <definedName name="est_52">#N/A</definedName>
    <definedName name="est_53">#N/A</definedName>
    <definedName name="est_54">#N/A</definedName>
    <definedName name="est_55">#N/A</definedName>
    <definedName name="est_56">#N/A</definedName>
    <definedName name="est_57">#N/A</definedName>
    <definedName name="est_58">#N/A</definedName>
    <definedName name="est_6">#N/A</definedName>
    <definedName name="est_60">#N/A</definedName>
    <definedName name="est_61">#N/A</definedName>
    <definedName name="est_62">#N/A</definedName>
    <definedName name="est_63">#N/A</definedName>
    <definedName name="est_64">#N/A</definedName>
    <definedName name="est_65">#N/A</definedName>
    <definedName name="est_66">#N/A</definedName>
    <definedName name="est_67">#N/A</definedName>
    <definedName name="est_68">#N/A</definedName>
    <definedName name="est_69">#N/A</definedName>
    <definedName name="est_7">#N/A</definedName>
    <definedName name="est_70">#N/A</definedName>
    <definedName name="est_71">#N/A</definedName>
    <definedName name="est_72">#N/A</definedName>
    <definedName name="est_73">#N/A</definedName>
    <definedName name="est_74">#N/A</definedName>
    <definedName name="est_75">#N/A</definedName>
    <definedName name="est_76">#N/A</definedName>
    <definedName name="est_77">#N/A</definedName>
    <definedName name="est_78">#N/A</definedName>
    <definedName name="est_79">#N/A</definedName>
    <definedName name="est_8">#N/A</definedName>
    <definedName name="est_80">#N/A</definedName>
    <definedName name="est_81">#N/A</definedName>
    <definedName name="est_82">#N/A</definedName>
    <definedName name="est_83">#N/A</definedName>
    <definedName name="est_85">#N/A</definedName>
    <definedName name="est_86">#N/A</definedName>
    <definedName name="est_87">#N/A</definedName>
    <definedName name="est_88">#N/A</definedName>
    <definedName name="est_9">#N/A</definedName>
    <definedName name="est_92">#N/A</definedName>
    <definedName name="Excel_BuiltIn__FilterDatabase_14" localSheetId="2">#REF!</definedName>
    <definedName name="Excel_BuiltIn__FilterDatabase_14">#REF!</definedName>
    <definedName name="Excel_BuiltIn_Print_Area" localSheetId="2">#REF!</definedName>
    <definedName name="Excel_BuiltIn_Print_Area">#REF!</definedName>
    <definedName name="Excel_BuiltIn_Print_Area_1">"$#REF!.$A$1:$DC$26"</definedName>
    <definedName name="Excel_BuiltIn_Print_Area_13" localSheetId="2">'[4]Percentuais Gerais'!#REF!</definedName>
    <definedName name="Excel_BuiltIn_Print_Area_13">'[4]Percentuais Gerais'!#REF!</definedName>
    <definedName name="Excel_BuiltIn_Print_Area_2">"$#REF!.$A$1:$AO$54"</definedName>
    <definedName name="Excel_BuiltIn_Print_Titles_1" localSheetId="1">#REF!</definedName>
    <definedName name="Excel_BuiltIn_Print_Titles_13" localSheetId="2">'[4]Percentuais Gerais'!#REF!</definedName>
    <definedName name="Excel_BuiltIn_Print_Titles_13">'[4]Percentuais Gerais'!#REF!</definedName>
    <definedName name="FINAL">#N/A</definedName>
    <definedName name="FINAL_10">#N/A</definedName>
    <definedName name="FINAL_11">#N/A</definedName>
    <definedName name="FINAL_12">#N/A</definedName>
    <definedName name="FINAL_13">#N/A</definedName>
    <definedName name="FINAL_14">#N/A</definedName>
    <definedName name="FINAL_15">#N/A</definedName>
    <definedName name="FINAL_16">#N/A</definedName>
    <definedName name="FINAL_17">#N/A</definedName>
    <definedName name="FINAL_18">#N/A</definedName>
    <definedName name="FINAL_19">#N/A</definedName>
    <definedName name="FINAL_20">#N/A</definedName>
    <definedName name="FINAL_21" localSheetId="2">#REF!</definedName>
    <definedName name="FINAL_21">#REF!</definedName>
    <definedName name="FINAL_22">#N/A</definedName>
    <definedName name="FINAL_23">#N/A</definedName>
    <definedName name="FINAL_24">#N/A</definedName>
    <definedName name="FINAL_25">#N/A</definedName>
    <definedName name="FINAL_26">#N/A</definedName>
    <definedName name="FINAL_27">#N/A</definedName>
    <definedName name="FINAL_28">#N/A</definedName>
    <definedName name="FINAL_29">#N/A</definedName>
    <definedName name="FINAL_30">#N/A</definedName>
    <definedName name="FINAL_31">#N/A</definedName>
    <definedName name="FINAL_32">#N/A</definedName>
    <definedName name="FINAL_33">#N/A</definedName>
    <definedName name="FINAL_34">#N/A</definedName>
    <definedName name="FINAL_35">#N/A</definedName>
    <definedName name="FINAL_36">#N/A</definedName>
    <definedName name="FINAL_37">#N/A</definedName>
    <definedName name="FINAL_38">#N/A</definedName>
    <definedName name="FINAL_39">#N/A</definedName>
    <definedName name="FINAL_40">#N/A</definedName>
    <definedName name="FINAL_41">#N/A</definedName>
    <definedName name="FINAL_42">#N/A</definedName>
    <definedName name="FINAL_43">#N/A</definedName>
    <definedName name="FINAL_44">#N/A</definedName>
    <definedName name="FINAL_45">#N/A</definedName>
    <definedName name="FINAL_46">#N/A</definedName>
    <definedName name="FINAL_47">#N/A</definedName>
    <definedName name="FINAL_48">#N/A</definedName>
    <definedName name="FINAL_49">#N/A</definedName>
    <definedName name="FINAL_5">#N/A</definedName>
    <definedName name="FINAL_50">#N/A</definedName>
    <definedName name="FINAL_51">#N/A</definedName>
    <definedName name="FINAL_52">#N/A</definedName>
    <definedName name="FINAL_53">#N/A</definedName>
    <definedName name="FINAL_54">#N/A</definedName>
    <definedName name="FINAL_55">#N/A</definedName>
    <definedName name="FINAL_56">#N/A</definedName>
    <definedName name="FINAL_57">#N/A</definedName>
    <definedName name="FINAL_58">#N/A</definedName>
    <definedName name="FINAL_6">#N/A</definedName>
    <definedName name="FINAL_60">#N/A</definedName>
    <definedName name="FINAL_61">#N/A</definedName>
    <definedName name="FINAL_62">#N/A</definedName>
    <definedName name="FINAL_63">#N/A</definedName>
    <definedName name="FINAL_64">#N/A</definedName>
    <definedName name="FINAL_65">#N/A</definedName>
    <definedName name="FINAL_66">#N/A</definedName>
    <definedName name="FINAL_67">#N/A</definedName>
    <definedName name="FINAL_68">#N/A</definedName>
    <definedName name="FINAL_69">#N/A</definedName>
    <definedName name="FINAL_7">#N/A</definedName>
    <definedName name="FINAL_70">#N/A</definedName>
    <definedName name="FINAL_71">#N/A</definedName>
    <definedName name="FINAL_72">#N/A</definedName>
    <definedName name="FINAL_73">#N/A</definedName>
    <definedName name="FINAL_74">#N/A</definedName>
    <definedName name="FINAL_75">#N/A</definedName>
    <definedName name="FINAL_76">#N/A</definedName>
    <definedName name="FINAL_77">#N/A</definedName>
    <definedName name="FINAL_78">#N/A</definedName>
    <definedName name="FINAL_79">#N/A</definedName>
    <definedName name="FINAL_8">#N/A</definedName>
    <definedName name="FINAL_80">#N/A</definedName>
    <definedName name="FINAL_81">#N/A</definedName>
    <definedName name="FINAL_82">#N/A</definedName>
    <definedName name="FINAL_83">#N/A</definedName>
    <definedName name="FINAL_85">#N/A</definedName>
    <definedName name="FINAL_86">#N/A</definedName>
    <definedName name="FINAL_87">#N/A</definedName>
    <definedName name="FINAL_88">#N/A</definedName>
    <definedName name="FINAL_9">#N/A</definedName>
    <definedName name="FINAL_92">#N/A</definedName>
    <definedName name="FSGDF" localSheetId="2">#REF!</definedName>
    <definedName name="FSGDF">#REF!</definedName>
    <definedName name="gg" localSheetId="2">#REF!</definedName>
    <definedName name="gg">#REF!</definedName>
    <definedName name="gg_36" localSheetId="2">#REF!</definedName>
    <definedName name="gg_36">#REF!</definedName>
    <definedName name="gipl_cod_36" localSheetId="2">#REF!</definedName>
    <definedName name="gipl_cod_36">#REF!</definedName>
    <definedName name="GLB2_15" localSheetId="2">#REF!</definedName>
    <definedName name="GLB2_15">#REF!</definedName>
    <definedName name="GLB2_16" localSheetId="2">#REF!</definedName>
    <definedName name="GLB2_16">#REF!</definedName>
    <definedName name="GLB2_17" localSheetId="2">#REF!</definedName>
    <definedName name="GLB2_17">#REF!</definedName>
    <definedName name="GLB2_18" localSheetId="2">#REF!</definedName>
    <definedName name="GLB2_18">#REF!</definedName>
    <definedName name="GLB2_19" localSheetId="2">#REF!</definedName>
    <definedName name="GLB2_19">#REF!</definedName>
    <definedName name="GLB2_20" localSheetId="2">#REF!</definedName>
    <definedName name="GLB2_20">#REF!</definedName>
    <definedName name="GLB2_21" localSheetId="2">#REF!</definedName>
    <definedName name="GLB2_21">#REF!</definedName>
    <definedName name="GLB2_22" localSheetId="2">#REF!</definedName>
    <definedName name="GLB2_22">#REF!</definedName>
    <definedName name="GLB2_23" localSheetId="2">#REF!</definedName>
    <definedName name="GLB2_23">#REF!</definedName>
    <definedName name="GLB2_24" localSheetId="2">#REF!</definedName>
    <definedName name="GLB2_24">#REF!</definedName>
    <definedName name="GLB2_25" localSheetId="2">#REF!</definedName>
    <definedName name="GLB2_25">#REF!</definedName>
    <definedName name="GLB2_26" localSheetId="2">#REF!</definedName>
    <definedName name="GLB2_26">#REF!</definedName>
    <definedName name="GLB2_27" localSheetId="2">#REF!</definedName>
    <definedName name="GLB2_27">#REF!</definedName>
    <definedName name="GLB2_28" localSheetId="2">#REF!</definedName>
    <definedName name="GLB2_28">#REF!</definedName>
    <definedName name="GLB2_29" localSheetId="2">#REF!</definedName>
    <definedName name="GLB2_29">#REF!</definedName>
    <definedName name="GLB2_30" localSheetId="2">#REF!</definedName>
    <definedName name="GLB2_30">#REF!</definedName>
    <definedName name="GLB2_31" localSheetId="2">#REF!</definedName>
    <definedName name="GLB2_31">#REF!</definedName>
    <definedName name="GLB2_32" localSheetId="2">#REF!</definedName>
    <definedName name="GLB2_32">#REF!</definedName>
    <definedName name="GLB2_33" localSheetId="2">#REF!</definedName>
    <definedName name="GLB2_33">#REF!</definedName>
    <definedName name="GLB2_34" localSheetId="2">#REF!</definedName>
    <definedName name="GLB2_34">#REF!</definedName>
    <definedName name="GLB2_35" localSheetId="2">#REF!</definedName>
    <definedName name="GLB2_35">#REF!</definedName>
    <definedName name="GLB2_36" localSheetId="2">#REF!</definedName>
    <definedName name="GLB2_36">#REF!</definedName>
    <definedName name="GLB2_38" localSheetId="2">#REF!</definedName>
    <definedName name="GLB2_38">#REF!</definedName>
    <definedName name="grt">#N/A</definedName>
    <definedName name="grt_10">#N/A</definedName>
    <definedName name="grt_11">#N/A</definedName>
    <definedName name="grt_12">#N/A</definedName>
    <definedName name="grt_13">#N/A</definedName>
    <definedName name="grt_14">#N/A</definedName>
    <definedName name="grt_15">#N/A</definedName>
    <definedName name="grt_16">#N/A</definedName>
    <definedName name="grt_17">#N/A</definedName>
    <definedName name="grt_18">#N/A</definedName>
    <definedName name="grt_19">#N/A</definedName>
    <definedName name="grt_20">#N/A</definedName>
    <definedName name="grt_21" localSheetId="2">#REF!</definedName>
    <definedName name="grt_21">#REF!</definedName>
    <definedName name="grt_22">#N/A</definedName>
    <definedName name="grt_23">#N/A</definedName>
    <definedName name="grt_24">#N/A</definedName>
    <definedName name="grt_25">#N/A</definedName>
    <definedName name="grt_26">#N/A</definedName>
    <definedName name="grt_27">#N/A</definedName>
    <definedName name="grt_28">#N/A</definedName>
    <definedName name="grt_29">#N/A</definedName>
    <definedName name="grt_30">#N/A</definedName>
    <definedName name="grt_31">#N/A</definedName>
    <definedName name="grt_32">#N/A</definedName>
    <definedName name="grt_33">#N/A</definedName>
    <definedName name="grt_34">#N/A</definedName>
    <definedName name="grt_35">#N/A</definedName>
    <definedName name="grt_36">#N/A</definedName>
    <definedName name="grt_37">#N/A</definedName>
    <definedName name="grt_38">#N/A</definedName>
    <definedName name="grt_39">#N/A</definedName>
    <definedName name="grt_40">#N/A</definedName>
    <definedName name="grt_41">#N/A</definedName>
    <definedName name="grt_42">#N/A</definedName>
    <definedName name="grt_43">#N/A</definedName>
    <definedName name="grt_44">#N/A</definedName>
    <definedName name="grt_45">#N/A</definedName>
    <definedName name="grt_46">#N/A</definedName>
    <definedName name="grt_47">#N/A</definedName>
    <definedName name="grt_48">#N/A</definedName>
    <definedName name="grt_49">#N/A</definedName>
    <definedName name="grt_5">#N/A</definedName>
    <definedName name="grt_50">#N/A</definedName>
    <definedName name="grt_51">#N/A</definedName>
    <definedName name="grt_52">#N/A</definedName>
    <definedName name="grt_53">#N/A</definedName>
    <definedName name="grt_54">#N/A</definedName>
    <definedName name="grt_55">#N/A</definedName>
    <definedName name="grt_56">#N/A</definedName>
    <definedName name="grt_57">#N/A</definedName>
    <definedName name="grt_58">#N/A</definedName>
    <definedName name="grt_6">#N/A</definedName>
    <definedName name="grt_60">#N/A</definedName>
    <definedName name="grt_61">#N/A</definedName>
    <definedName name="grt_62">#N/A</definedName>
    <definedName name="grt_63">#N/A</definedName>
    <definedName name="grt_64">#N/A</definedName>
    <definedName name="grt_65">#N/A</definedName>
    <definedName name="grt_66">#N/A</definedName>
    <definedName name="grt_67">#N/A</definedName>
    <definedName name="grt_68">#N/A</definedName>
    <definedName name="grt_69">#N/A</definedName>
    <definedName name="grt_7">#N/A</definedName>
    <definedName name="grt_70">#N/A</definedName>
    <definedName name="grt_71">#N/A</definedName>
    <definedName name="grt_72">#N/A</definedName>
    <definedName name="grt_73">#N/A</definedName>
    <definedName name="grt_74">#N/A</definedName>
    <definedName name="grt_75">#N/A</definedName>
    <definedName name="grt_76">#N/A</definedName>
    <definedName name="grt_77">#N/A</definedName>
    <definedName name="grt_78">#N/A</definedName>
    <definedName name="grt_79">#N/A</definedName>
    <definedName name="grt_8">#N/A</definedName>
    <definedName name="grt_80">#N/A</definedName>
    <definedName name="grt_81">#N/A</definedName>
    <definedName name="grt_82">#N/A</definedName>
    <definedName name="grt_83">#N/A</definedName>
    <definedName name="grt_85">#N/A</definedName>
    <definedName name="grt_86">#N/A</definedName>
    <definedName name="grt_87">#N/A</definedName>
    <definedName name="grt_88">#N/A</definedName>
    <definedName name="grt_9">#N/A</definedName>
    <definedName name="grt_92">#N/A</definedName>
    <definedName name="HHJDFSDF">[0]!HHJDFSDF</definedName>
    <definedName name="i3_36" localSheetId="2">#REF!</definedName>
    <definedName name="i3_36">#REF!</definedName>
    <definedName name="IMPRIMIR_RESUMO">[0]!IMPRIMIR_RESUMO</definedName>
    <definedName name="inf">'[5]Orçamento Global'!$D$38</definedName>
    <definedName name="insumos">#N/A</definedName>
    <definedName name="insumos_10">#N/A</definedName>
    <definedName name="insumos_11">#N/A</definedName>
    <definedName name="insumos_12">#N/A</definedName>
    <definedName name="insumos_13">#N/A</definedName>
    <definedName name="insumos_14">#N/A</definedName>
    <definedName name="insumos_15">#N/A</definedName>
    <definedName name="insumos_16">#N/A</definedName>
    <definedName name="insumos_17">#N/A</definedName>
    <definedName name="insumos_18">#N/A</definedName>
    <definedName name="insumos_19">#N/A</definedName>
    <definedName name="insumos_20">#N/A</definedName>
    <definedName name="insumos_21" localSheetId="2">#REF!</definedName>
    <definedName name="insumos_21">#REF!</definedName>
    <definedName name="insumos_22">#N/A</definedName>
    <definedName name="insumos_23">#N/A</definedName>
    <definedName name="insumos_24">#N/A</definedName>
    <definedName name="insumos_25">#N/A</definedName>
    <definedName name="insumos_26">#N/A</definedName>
    <definedName name="insumos_27">#N/A</definedName>
    <definedName name="insumos_28">#N/A</definedName>
    <definedName name="insumos_29">#N/A</definedName>
    <definedName name="insumos_30">#N/A</definedName>
    <definedName name="insumos_31">#N/A</definedName>
    <definedName name="insumos_32">#N/A</definedName>
    <definedName name="insumos_33">#N/A</definedName>
    <definedName name="insumos_34">#N/A</definedName>
    <definedName name="insumos_35">#N/A</definedName>
    <definedName name="insumos_36">#N/A</definedName>
    <definedName name="insumos_37">#N/A</definedName>
    <definedName name="insumos_38">#N/A</definedName>
    <definedName name="insumos_39">#N/A</definedName>
    <definedName name="insumos_40">#N/A</definedName>
    <definedName name="insumos_41">#N/A</definedName>
    <definedName name="insumos_42">#N/A</definedName>
    <definedName name="insumos_43">#N/A</definedName>
    <definedName name="insumos_44">#N/A</definedName>
    <definedName name="insumos_45">#N/A</definedName>
    <definedName name="insumos_46">#N/A</definedName>
    <definedName name="insumos_47">#N/A</definedName>
    <definedName name="insumos_48">#N/A</definedName>
    <definedName name="insumos_49">#N/A</definedName>
    <definedName name="insumos_5">#N/A</definedName>
    <definedName name="insumos_50">#N/A</definedName>
    <definedName name="insumos_51">#N/A</definedName>
    <definedName name="insumos_52">#N/A</definedName>
    <definedName name="insumos_53">#N/A</definedName>
    <definedName name="insumos_54">#N/A</definedName>
    <definedName name="insumos_55">#N/A</definedName>
    <definedName name="insumos_56">#N/A</definedName>
    <definedName name="insumos_57">#N/A</definedName>
    <definedName name="insumos_58">#N/A</definedName>
    <definedName name="insumos_6">#N/A</definedName>
    <definedName name="insumos_60">#N/A</definedName>
    <definedName name="insumos_61">#N/A</definedName>
    <definedName name="insumos_62">#N/A</definedName>
    <definedName name="insumos_63">#N/A</definedName>
    <definedName name="insumos_64">#N/A</definedName>
    <definedName name="insumos_65">#N/A</definedName>
    <definedName name="insumos_66">#N/A</definedName>
    <definedName name="insumos_67">#N/A</definedName>
    <definedName name="insumos_68">#N/A</definedName>
    <definedName name="insumos_69">#N/A</definedName>
    <definedName name="insumos_7">#N/A</definedName>
    <definedName name="insumos_70">#N/A</definedName>
    <definedName name="insumos_71">#N/A</definedName>
    <definedName name="insumos_72">#N/A</definedName>
    <definedName name="insumos_73">#N/A</definedName>
    <definedName name="insumos_74">#N/A</definedName>
    <definedName name="insumos_75">#N/A</definedName>
    <definedName name="insumos_76">#N/A</definedName>
    <definedName name="insumos_77">#N/A</definedName>
    <definedName name="insumos_78">#N/A</definedName>
    <definedName name="insumos_79">#N/A</definedName>
    <definedName name="insumos_8">#N/A</definedName>
    <definedName name="insumos_80">#N/A</definedName>
    <definedName name="insumos_81">#N/A</definedName>
    <definedName name="insumos_82">#N/A</definedName>
    <definedName name="insumos_83">#N/A</definedName>
    <definedName name="insumos_85">#N/A</definedName>
    <definedName name="insumos_86">#N/A</definedName>
    <definedName name="insumos_87">#N/A</definedName>
    <definedName name="insumos_88">#N/A</definedName>
    <definedName name="insumos_9">#N/A</definedName>
    <definedName name="insumos_92">#N/A</definedName>
    <definedName name="itam3a">[6]Plan1!$J$30</definedName>
    <definedName name="ITEM">#N/A</definedName>
    <definedName name="ITEM_10">#N/A</definedName>
    <definedName name="ITEM_11">#N/A</definedName>
    <definedName name="ITEM_12">#N/A</definedName>
    <definedName name="ITEM_13">#N/A</definedName>
    <definedName name="ITEM_14">#N/A</definedName>
    <definedName name="ITEM_15">#N/A</definedName>
    <definedName name="ITEM_16">#N/A</definedName>
    <definedName name="ITEM_17">#N/A</definedName>
    <definedName name="ITEM_18">#N/A</definedName>
    <definedName name="ITEM_19">#N/A</definedName>
    <definedName name="item_1a">[6]Plan1!$J$13</definedName>
    <definedName name="ITEM_20">#N/A</definedName>
    <definedName name="ITEM_21" localSheetId="2">#REF!</definedName>
    <definedName name="ITEM_21">#REF!</definedName>
    <definedName name="ITEM_22">#N/A</definedName>
    <definedName name="ITEM_23">#N/A</definedName>
    <definedName name="ITEM_24">#N/A</definedName>
    <definedName name="ITEM_25">#N/A</definedName>
    <definedName name="ITEM_26">#N/A</definedName>
    <definedName name="ITEM_27">#N/A</definedName>
    <definedName name="ITEM_28">#N/A</definedName>
    <definedName name="ITEM_29">#N/A</definedName>
    <definedName name="ITEM_30">#N/A</definedName>
    <definedName name="ITEM_31">#N/A</definedName>
    <definedName name="ITEM_32">#N/A</definedName>
    <definedName name="ITEM_33">#N/A</definedName>
    <definedName name="ITEM_34">#N/A</definedName>
    <definedName name="ITEM_35">#N/A</definedName>
    <definedName name="ITEM_36">#N/A</definedName>
    <definedName name="ITEM_37">#N/A</definedName>
    <definedName name="ITEM_38">#N/A</definedName>
    <definedName name="ITEM_39">#N/A</definedName>
    <definedName name="ITEM_40">#N/A</definedName>
    <definedName name="ITEM_41">#N/A</definedName>
    <definedName name="ITEM_42">#N/A</definedName>
    <definedName name="ITEM_43">#N/A</definedName>
    <definedName name="ITEM_44">#N/A</definedName>
    <definedName name="ITEM_45">#N/A</definedName>
    <definedName name="ITEM_46">#N/A</definedName>
    <definedName name="ITEM_47">#N/A</definedName>
    <definedName name="ITEM_48">#N/A</definedName>
    <definedName name="ITEM_49">#N/A</definedName>
    <definedName name="ITEM_5">#N/A</definedName>
    <definedName name="ITEM_50">#N/A</definedName>
    <definedName name="ITEM_51">#N/A</definedName>
    <definedName name="ITEM_52">#N/A</definedName>
    <definedName name="ITEM_53">#N/A</definedName>
    <definedName name="ITEM_54">#N/A</definedName>
    <definedName name="ITEM_55">#N/A</definedName>
    <definedName name="ITEM_56">#N/A</definedName>
    <definedName name="ITEM_57">#N/A</definedName>
    <definedName name="ITEM_58">#N/A</definedName>
    <definedName name="ITEM_6">#N/A</definedName>
    <definedName name="ITEM_60">#N/A</definedName>
    <definedName name="ITEM_61">#N/A</definedName>
    <definedName name="ITEM_62">#N/A</definedName>
    <definedName name="ITEM_63">#N/A</definedName>
    <definedName name="ITEM_64">#N/A</definedName>
    <definedName name="ITEM_65">#N/A</definedName>
    <definedName name="ITEM_66">#N/A</definedName>
    <definedName name="ITEM_67">#N/A</definedName>
    <definedName name="ITEM_68">#N/A</definedName>
    <definedName name="ITEM_69">#N/A</definedName>
    <definedName name="ITEM_7">#N/A</definedName>
    <definedName name="ITEM_70">#N/A</definedName>
    <definedName name="ITEM_71">#N/A</definedName>
    <definedName name="ITEM_72">#N/A</definedName>
    <definedName name="ITEM_73">#N/A</definedName>
    <definedName name="ITEM_74">#N/A</definedName>
    <definedName name="ITEM_75">#N/A</definedName>
    <definedName name="ITEM_76">#N/A</definedName>
    <definedName name="ITEM_77">#N/A</definedName>
    <definedName name="ITEM_78">#N/A</definedName>
    <definedName name="ITEM_79">#N/A</definedName>
    <definedName name="ITEM_8">#N/A</definedName>
    <definedName name="ITEM_80">#N/A</definedName>
    <definedName name="ITEM_81">#N/A</definedName>
    <definedName name="ITEM_82">#N/A</definedName>
    <definedName name="ITEM_83">#N/A</definedName>
    <definedName name="ITEM_85">#N/A</definedName>
    <definedName name="ITEM_86">#N/A</definedName>
    <definedName name="ITEM_87">#N/A</definedName>
    <definedName name="ITEM_88">#N/A</definedName>
    <definedName name="ITEM_9">#N/A</definedName>
    <definedName name="ITEM_92">#N/A</definedName>
    <definedName name="item1">#N/A</definedName>
    <definedName name="item1_15">[6]Plan1!$J$13</definedName>
    <definedName name="item1_16">[6]Plan1!$J$13</definedName>
    <definedName name="item1_17">[6]Plan1!$J$13</definedName>
    <definedName name="item1_18">[6]Plan1!$J$13</definedName>
    <definedName name="item1_19">[6]Plan1!$J$13</definedName>
    <definedName name="item1_20">[6]Plan1!$J$13</definedName>
    <definedName name="item1_21">[6]Plan1!$J$13</definedName>
    <definedName name="item1_22">[6]Plan1!$J$13</definedName>
    <definedName name="item1_23">[6]Plan1!$J$13</definedName>
    <definedName name="item1_24">[6]Plan1!$J$13</definedName>
    <definedName name="item1_25">[6]Plan1!$J$13</definedName>
    <definedName name="item1_26">[6]Plan1!$J$13</definedName>
    <definedName name="item1_27">[6]Plan1!$J$13</definedName>
    <definedName name="item1_28">[6]Plan1!$J$13</definedName>
    <definedName name="item1_29">[6]Plan1!$J$13</definedName>
    <definedName name="item1_30">[6]Plan1!$J$13</definedName>
    <definedName name="item1_31">[6]Plan1!$J$13</definedName>
    <definedName name="item1_32">[6]Plan1!$J$13</definedName>
    <definedName name="item1_33">[6]Plan1!$J$13</definedName>
    <definedName name="item1_34">[6]Plan1!$J$13</definedName>
    <definedName name="item1_35">[6]Plan1!$J$13</definedName>
    <definedName name="item1_36">[6]Plan1!$J$13</definedName>
    <definedName name="item1_38">[6]Plan1!$J$13</definedName>
    <definedName name="item10_15" localSheetId="2">[6]Plan1!#REF!</definedName>
    <definedName name="item10_15">[6]Plan1!#REF!</definedName>
    <definedName name="item10_16" localSheetId="2">[6]Plan1!#REF!</definedName>
    <definedName name="item10_16">[6]Plan1!#REF!</definedName>
    <definedName name="item10_17" localSheetId="2">[6]Plan1!#REF!</definedName>
    <definedName name="item10_17">[6]Plan1!#REF!</definedName>
    <definedName name="item10_18" localSheetId="2">[6]Plan1!#REF!</definedName>
    <definedName name="item10_18">[6]Plan1!#REF!</definedName>
    <definedName name="item10_19" localSheetId="2">[6]Plan1!#REF!</definedName>
    <definedName name="item10_19">[6]Plan1!#REF!</definedName>
    <definedName name="item10_20" localSheetId="2">[6]Plan1!#REF!</definedName>
    <definedName name="item10_20">[6]Plan1!#REF!</definedName>
    <definedName name="item10_21" localSheetId="2">[6]Plan1!#REF!</definedName>
    <definedName name="item10_21">[6]Plan1!#REF!</definedName>
    <definedName name="item10_22" localSheetId="2">[6]Plan1!#REF!</definedName>
    <definedName name="item10_22">[6]Plan1!#REF!</definedName>
    <definedName name="item10_23" localSheetId="2">[6]Plan1!#REF!</definedName>
    <definedName name="item10_23">[6]Plan1!#REF!</definedName>
    <definedName name="item10_24" localSheetId="2">[6]Plan1!#REF!</definedName>
    <definedName name="item10_24">[6]Plan1!#REF!</definedName>
    <definedName name="item10_25" localSheetId="2">[6]Plan1!#REF!</definedName>
    <definedName name="item10_25">[6]Plan1!#REF!</definedName>
    <definedName name="item10_26" localSheetId="2">[6]Plan1!#REF!</definedName>
    <definedName name="item10_26">[6]Plan1!#REF!</definedName>
    <definedName name="item10_27" localSheetId="2">[6]Plan1!#REF!</definedName>
    <definedName name="item10_27">[6]Plan1!#REF!</definedName>
    <definedName name="item10_28" localSheetId="2">[6]Plan1!#REF!</definedName>
    <definedName name="item10_28">[6]Plan1!#REF!</definedName>
    <definedName name="item10_29" localSheetId="2">[6]Plan1!#REF!</definedName>
    <definedName name="item10_29">[6]Plan1!#REF!</definedName>
    <definedName name="item10_30" localSheetId="2">[6]Plan1!#REF!</definedName>
    <definedName name="item10_30">[6]Plan1!#REF!</definedName>
    <definedName name="item10_31" localSheetId="2">[6]Plan1!#REF!</definedName>
    <definedName name="item10_31">[6]Plan1!#REF!</definedName>
    <definedName name="item10_32" localSheetId="2">[6]Plan1!#REF!</definedName>
    <definedName name="item10_32">[6]Plan1!#REF!</definedName>
    <definedName name="item10_33" localSheetId="2">[6]Plan1!#REF!</definedName>
    <definedName name="item10_33">[6]Plan1!#REF!</definedName>
    <definedName name="item10_34" localSheetId="2">[6]Plan1!#REF!</definedName>
    <definedName name="item10_34">[6]Plan1!#REF!</definedName>
    <definedName name="item10_35" localSheetId="2">[6]Plan1!#REF!</definedName>
    <definedName name="item10_35">[6]Plan1!#REF!</definedName>
    <definedName name="item10_36" localSheetId="2">[6]Plan1!#REF!</definedName>
    <definedName name="item10_36">[6]Plan1!#REF!</definedName>
    <definedName name="item10_38" localSheetId="2">[6]Plan1!#REF!</definedName>
    <definedName name="item10_38">[6]Plan1!#REF!</definedName>
    <definedName name="item11_15" localSheetId="2">[6]Plan1!#REF!</definedName>
    <definedName name="item11_15">[6]Plan1!#REF!</definedName>
    <definedName name="item11_16" localSheetId="2">[6]Plan1!#REF!</definedName>
    <definedName name="item11_16">[6]Plan1!#REF!</definedName>
    <definedName name="item11_17" localSheetId="2">[6]Plan1!#REF!</definedName>
    <definedName name="item11_17">[6]Plan1!#REF!</definedName>
    <definedName name="item11_18" localSheetId="2">[6]Plan1!#REF!</definedName>
    <definedName name="item11_18">[6]Plan1!#REF!</definedName>
    <definedName name="item11_19" localSheetId="2">[6]Plan1!#REF!</definedName>
    <definedName name="item11_19">[6]Plan1!#REF!</definedName>
    <definedName name="item11_20" localSheetId="2">[6]Plan1!#REF!</definedName>
    <definedName name="item11_20">[6]Plan1!#REF!</definedName>
    <definedName name="item11_21" localSheetId="2">[6]Plan1!#REF!</definedName>
    <definedName name="item11_21">[6]Plan1!#REF!</definedName>
    <definedName name="item11_22" localSheetId="2">[6]Plan1!#REF!</definedName>
    <definedName name="item11_22">[6]Plan1!#REF!</definedName>
    <definedName name="item11_23" localSheetId="2">[6]Plan1!#REF!</definedName>
    <definedName name="item11_23">[6]Plan1!#REF!</definedName>
    <definedName name="item11_24" localSheetId="2">[6]Plan1!#REF!</definedName>
    <definedName name="item11_24">[6]Plan1!#REF!</definedName>
    <definedName name="item11_25" localSheetId="2">[6]Plan1!#REF!</definedName>
    <definedName name="item11_25">[6]Plan1!#REF!</definedName>
    <definedName name="item11_26" localSheetId="2">[6]Plan1!#REF!</definedName>
    <definedName name="item11_26">[6]Plan1!#REF!</definedName>
    <definedName name="item11_27" localSheetId="2">[6]Plan1!#REF!</definedName>
    <definedName name="item11_27">[6]Plan1!#REF!</definedName>
    <definedName name="item11_28" localSheetId="2">[6]Plan1!#REF!</definedName>
    <definedName name="item11_28">[6]Plan1!#REF!</definedName>
    <definedName name="item11_29" localSheetId="2">[6]Plan1!#REF!</definedName>
    <definedName name="item11_29">[6]Plan1!#REF!</definedName>
    <definedName name="item11_30" localSheetId="2">[6]Plan1!#REF!</definedName>
    <definedName name="item11_30">[6]Plan1!#REF!</definedName>
    <definedName name="item11_31" localSheetId="2">[6]Plan1!#REF!</definedName>
    <definedName name="item11_31">[6]Plan1!#REF!</definedName>
    <definedName name="item11_32" localSheetId="2">[6]Plan1!#REF!</definedName>
    <definedName name="item11_32">[6]Plan1!#REF!</definedName>
    <definedName name="item11_33" localSheetId="2">[6]Plan1!#REF!</definedName>
    <definedName name="item11_33">[6]Plan1!#REF!</definedName>
    <definedName name="item11_34" localSheetId="2">[6]Plan1!#REF!</definedName>
    <definedName name="item11_34">[6]Plan1!#REF!</definedName>
    <definedName name="item11_35" localSheetId="2">[6]Plan1!#REF!</definedName>
    <definedName name="item11_35">[6]Plan1!#REF!</definedName>
    <definedName name="item11_36" localSheetId="2">[6]Plan1!#REF!</definedName>
    <definedName name="item11_36">[6]Plan1!#REF!</definedName>
    <definedName name="item11_38" localSheetId="2">[6]Plan1!#REF!</definedName>
    <definedName name="item11_38">[6]Plan1!#REF!</definedName>
    <definedName name="item12_15">[6]Plan1!$J$105</definedName>
    <definedName name="item12_16">[6]Plan1!$J$105</definedName>
    <definedName name="item12_17">[6]Plan1!$J$105</definedName>
    <definedName name="item12_18">[6]Plan1!$J$105</definedName>
    <definedName name="item12_19">[6]Plan1!$J$105</definedName>
    <definedName name="item12_20">[6]Plan1!$J$105</definedName>
    <definedName name="item12_21">[6]Plan1!$J$105</definedName>
    <definedName name="item12_22">[6]Plan1!$J$105</definedName>
    <definedName name="item12_23">[6]Plan1!$J$105</definedName>
    <definedName name="item12_24">[6]Plan1!$J$105</definedName>
    <definedName name="item12_25">[6]Plan1!$J$105</definedName>
    <definedName name="item12_26">[6]Plan1!$J$105</definedName>
    <definedName name="item12_27">[6]Plan1!$J$105</definedName>
    <definedName name="item12_28">[6]Plan1!$J$105</definedName>
    <definedName name="item12_29">[6]Plan1!$J$105</definedName>
    <definedName name="item12_30">[6]Plan1!$J$105</definedName>
    <definedName name="item12_31">[6]Plan1!$J$105</definedName>
    <definedName name="item12_32">[6]Plan1!$J$105</definedName>
    <definedName name="item12_33">[6]Plan1!$J$105</definedName>
    <definedName name="item12_34">[6]Plan1!$J$105</definedName>
    <definedName name="item12_35">[6]Plan1!$J$105</definedName>
    <definedName name="item12_36">[6]Plan1!$J$105</definedName>
    <definedName name="item12_38">[6]Plan1!$J$105</definedName>
    <definedName name="item13_15" localSheetId="2">[6]Plan1!#REF!</definedName>
    <definedName name="item13_15">[6]Plan1!#REF!</definedName>
    <definedName name="item13_16" localSheetId="2">[6]Plan1!#REF!</definedName>
    <definedName name="item13_16">[6]Plan1!#REF!</definedName>
    <definedName name="item13_17" localSheetId="2">[6]Plan1!#REF!</definedName>
    <definedName name="item13_17">[6]Plan1!#REF!</definedName>
    <definedName name="item13_18" localSheetId="2">[6]Plan1!#REF!</definedName>
    <definedName name="item13_18">[6]Plan1!#REF!</definedName>
    <definedName name="item13_19" localSheetId="2">[6]Plan1!#REF!</definedName>
    <definedName name="item13_19">[6]Plan1!#REF!</definedName>
    <definedName name="item13_20" localSheetId="2">[6]Plan1!#REF!</definedName>
    <definedName name="item13_20">[6]Plan1!#REF!</definedName>
    <definedName name="item13_21" localSheetId="2">[6]Plan1!#REF!</definedName>
    <definedName name="item13_21">[6]Plan1!#REF!</definedName>
    <definedName name="item13_22" localSheetId="2">[6]Plan1!#REF!</definedName>
    <definedName name="item13_22">[6]Plan1!#REF!</definedName>
    <definedName name="item13_23" localSheetId="2">[6]Plan1!#REF!</definedName>
    <definedName name="item13_23">[6]Plan1!#REF!</definedName>
    <definedName name="item13_24" localSheetId="2">[6]Plan1!#REF!</definedName>
    <definedName name="item13_24">[6]Plan1!#REF!</definedName>
    <definedName name="item13_25" localSheetId="2">[6]Plan1!#REF!</definedName>
    <definedName name="item13_25">[6]Plan1!#REF!</definedName>
    <definedName name="item13_26" localSheetId="2">[6]Plan1!#REF!</definedName>
    <definedName name="item13_26">[6]Plan1!#REF!</definedName>
    <definedName name="item13_27" localSheetId="2">[6]Plan1!#REF!</definedName>
    <definedName name="item13_27">[6]Plan1!#REF!</definedName>
    <definedName name="item13_28" localSheetId="2">[6]Plan1!#REF!</definedName>
    <definedName name="item13_28">[6]Plan1!#REF!</definedName>
    <definedName name="item13_29" localSheetId="2">[6]Plan1!#REF!</definedName>
    <definedName name="item13_29">[6]Plan1!#REF!</definedName>
    <definedName name="item13_30" localSheetId="2">[6]Plan1!#REF!</definedName>
    <definedName name="item13_30">[6]Plan1!#REF!</definedName>
    <definedName name="item13_31" localSheetId="2">[6]Plan1!#REF!</definedName>
    <definedName name="item13_31">[6]Plan1!#REF!</definedName>
    <definedName name="item13_32" localSheetId="2">[6]Plan1!#REF!</definedName>
    <definedName name="item13_32">[6]Plan1!#REF!</definedName>
    <definedName name="item13_33" localSheetId="2">[6]Plan1!#REF!</definedName>
    <definedName name="item13_33">[6]Plan1!#REF!</definedName>
    <definedName name="item13_34" localSheetId="2">[6]Plan1!#REF!</definedName>
    <definedName name="item13_34">[6]Plan1!#REF!</definedName>
    <definedName name="item13_35" localSheetId="2">[6]Plan1!#REF!</definedName>
    <definedName name="item13_35">[6]Plan1!#REF!</definedName>
    <definedName name="item13_36" localSheetId="2">[6]Plan1!#REF!</definedName>
    <definedName name="item13_36">[6]Plan1!#REF!</definedName>
    <definedName name="item13_38" localSheetId="2">[6]Plan1!#REF!</definedName>
    <definedName name="item13_38">[6]Plan1!#REF!</definedName>
    <definedName name="item14_15">[6]Plan1!$J$130</definedName>
    <definedName name="item14_16">[6]Plan1!$J$130</definedName>
    <definedName name="item14_17">[6]Plan1!$J$130</definedName>
    <definedName name="item14_18">[6]Plan1!$J$130</definedName>
    <definedName name="item14_19">[6]Plan1!$J$130</definedName>
    <definedName name="item14_20">[6]Plan1!$J$130</definedName>
    <definedName name="item14_21">[6]Plan1!$J$130</definedName>
    <definedName name="item14_22">[6]Plan1!$J$130</definedName>
    <definedName name="item14_23">[6]Plan1!$J$130</definedName>
    <definedName name="item14_24">[6]Plan1!$J$130</definedName>
    <definedName name="item14_25">[6]Plan1!$J$130</definedName>
    <definedName name="item14_26">[6]Plan1!$J$130</definedName>
    <definedName name="item14_27">[6]Plan1!$J$130</definedName>
    <definedName name="item14_28">[6]Plan1!$J$130</definedName>
    <definedName name="item14_29">[6]Plan1!$J$130</definedName>
    <definedName name="item14_30">[6]Plan1!$J$130</definedName>
    <definedName name="item14_31">[6]Plan1!$J$130</definedName>
    <definedName name="item14_32">[6]Plan1!$J$130</definedName>
    <definedName name="item14_33">[6]Plan1!$J$130</definedName>
    <definedName name="item14_34">[6]Plan1!$J$130</definedName>
    <definedName name="item14_35">[6]Plan1!$J$130</definedName>
    <definedName name="item14_36">[6]Plan1!$J$130</definedName>
    <definedName name="item14_38">[6]Plan1!$J$130</definedName>
    <definedName name="item15_15">[6]Plan1!$J$137</definedName>
    <definedName name="item15_16">[6]Plan1!$J$137</definedName>
    <definedName name="item15_17">[6]Plan1!$J$137</definedName>
    <definedName name="item15_18">[6]Plan1!$J$137</definedName>
    <definedName name="item15_19">[6]Plan1!$J$137</definedName>
    <definedName name="item15_20">[6]Plan1!$J$137</definedName>
    <definedName name="item15_21">[6]Plan1!$J$137</definedName>
    <definedName name="item15_22">[6]Plan1!$J$137</definedName>
    <definedName name="item15_23">[6]Plan1!$J$137</definedName>
    <definedName name="item15_24">[6]Plan1!$J$137</definedName>
    <definedName name="item15_25">[6]Plan1!$J$137</definedName>
    <definedName name="item15_26">[6]Plan1!$J$137</definedName>
    <definedName name="item15_27">[6]Plan1!$J$137</definedName>
    <definedName name="item15_28">[6]Plan1!$J$137</definedName>
    <definedName name="item15_29">[6]Plan1!$J$137</definedName>
    <definedName name="item15_30">[6]Plan1!$J$137</definedName>
    <definedName name="item15_31">[6]Plan1!$J$137</definedName>
    <definedName name="item15_32">[6]Plan1!$J$137</definedName>
    <definedName name="item15_33">[6]Plan1!$J$137</definedName>
    <definedName name="item15_34">[6]Plan1!$J$137</definedName>
    <definedName name="item15_35">[6]Plan1!$J$137</definedName>
    <definedName name="item15_36">[6]Plan1!$J$137</definedName>
    <definedName name="item15_38">[6]Plan1!$J$137</definedName>
    <definedName name="item16_15">[6]Plan1!$J$141</definedName>
    <definedName name="item16_16">[6]Plan1!$J$141</definedName>
    <definedName name="item16_17">[6]Plan1!$J$141</definedName>
    <definedName name="item16_18">[6]Plan1!$J$141</definedName>
    <definedName name="item16_19">[6]Plan1!$J$141</definedName>
    <definedName name="item16_20">[6]Plan1!$J$141</definedName>
    <definedName name="item16_21">[6]Plan1!$J$141</definedName>
    <definedName name="item16_22">[6]Plan1!$J$141</definedName>
    <definedName name="item16_23">[6]Plan1!$J$141</definedName>
    <definedName name="item16_24">[6]Plan1!$J$141</definedName>
    <definedName name="item16_25">[6]Plan1!$J$141</definedName>
    <definedName name="item16_26">[6]Plan1!$J$141</definedName>
    <definedName name="item16_27">[6]Plan1!$J$141</definedName>
    <definedName name="item16_28">[6]Plan1!$J$141</definedName>
    <definedName name="item16_29">[6]Plan1!$J$141</definedName>
    <definedName name="item16_30">[6]Plan1!$J$141</definedName>
    <definedName name="item16_31">[6]Plan1!$J$141</definedName>
    <definedName name="item16_32">[6]Plan1!$J$141</definedName>
    <definedName name="item16_33">[6]Plan1!$J$141</definedName>
    <definedName name="item16_34">[6]Plan1!$J$141</definedName>
    <definedName name="item16_35">[6]Plan1!$J$141</definedName>
    <definedName name="item16_36">[6]Plan1!$J$141</definedName>
    <definedName name="item16_38">[6]Plan1!$J$141</definedName>
    <definedName name="item17_15">[6]Plan1!$J$146</definedName>
    <definedName name="item17_16">[6]Plan1!$J$146</definedName>
    <definedName name="item17_17">[6]Plan1!$J$146</definedName>
    <definedName name="item17_18">[6]Plan1!$J$146</definedName>
    <definedName name="item17_19">[6]Plan1!$J$146</definedName>
    <definedName name="item17_20">[6]Plan1!$J$146</definedName>
    <definedName name="item17_21">[6]Plan1!$J$146</definedName>
    <definedName name="item17_22">[6]Plan1!$J$146</definedName>
    <definedName name="item17_23">[6]Plan1!$J$146</definedName>
    <definedName name="item17_24">[6]Plan1!$J$146</definedName>
    <definedName name="item17_25">[6]Plan1!$J$146</definedName>
    <definedName name="item17_26">[6]Plan1!$J$146</definedName>
    <definedName name="item17_27">[6]Plan1!$J$146</definedName>
    <definedName name="item17_28">[6]Plan1!$J$146</definedName>
    <definedName name="item17_29">[6]Plan1!$J$146</definedName>
    <definedName name="item17_30">[6]Plan1!$J$146</definedName>
    <definedName name="item17_31">[6]Plan1!$J$146</definedName>
    <definedName name="item17_32">[6]Plan1!$J$146</definedName>
    <definedName name="item17_33">[6]Plan1!$J$146</definedName>
    <definedName name="item17_34">[6]Plan1!$J$146</definedName>
    <definedName name="item17_35">[6]Plan1!$J$146</definedName>
    <definedName name="item17_36">[6]Plan1!$J$146</definedName>
    <definedName name="item17_38">[6]Plan1!$J$146</definedName>
    <definedName name="item2_15" localSheetId="2">[6]Plan1!#REF!</definedName>
    <definedName name="item2_15">[6]Plan1!#REF!</definedName>
    <definedName name="item2_16" localSheetId="2">[6]Plan1!#REF!</definedName>
    <definedName name="item2_16">[6]Plan1!#REF!</definedName>
    <definedName name="item2_17" localSheetId="2">[6]Plan1!#REF!</definedName>
    <definedName name="item2_17">[6]Plan1!#REF!</definedName>
    <definedName name="item2_18" localSheetId="2">[6]Plan1!#REF!</definedName>
    <definedName name="item2_18">[6]Plan1!#REF!</definedName>
    <definedName name="item2_19" localSheetId="2">[6]Plan1!#REF!</definedName>
    <definedName name="item2_19">[6]Plan1!#REF!</definedName>
    <definedName name="item2_20" localSheetId="2">[6]Plan1!#REF!</definedName>
    <definedName name="item2_20">[6]Plan1!#REF!</definedName>
    <definedName name="item2_21" localSheetId="2">[6]Plan1!#REF!</definedName>
    <definedName name="item2_21">[6]Plan1!#REF!</definedName>
    <definedName name="item2_22" localSheetId="2">[6]Plan1!#REF!</definedName>
    <definedName name="item2_22">[6]Plan1!#REF!</definedName>
    <definedName name="item2_23" localSheetId="2">[6]Plan1!#REF!</definedName>
    <definedName name="item2_23">[6]Plan1!#REF!</definedName>
    <definedName name="item2_24" localSheetId="2">[6]Plan1!#REF!</definedName>
    <definedName name="item2_24">[6]Plan1!#REF!</definedName>
    <definedName name="item2_25" localSheetId="2">[6]Plan1!#REF!</definedName>
    <definedName name="item2_25">[6]Plan1!#REF!</definedName>
    <definedName name="item2_26" localSheetId="2">[6]Plan1!#REF!</definedName>
    <definedName name="item2_26">[6]Plan1!#REF!</definedName>
    <definedName name="item2_27" localSheetId="2">[6]Plan1!#REF!</definedName>
    <definedName name="item2_27">[6]Plan1!#REF!</definedName>
    <definedName name="item2_28" localSheetId="2">[6]Plan1!#REF!</definedName>
    <definedName name="item2_28">[6]Plan1!#REF!</definedName>
    <definedName name="item2_29" localSheetId="2">[6]Plan1!#REF!</definedName>
    <definedName name="item2_29">[6]Plan1!#REF!</definedName>
    <definedName name="item2_30" localSheetId="2">[6]Plan1!#REF!</definedName>
    <definedName name="item2_30">[6]Plan1!#REF!</definedName>
    <definedName name="item2_31" localSheetId="2">[6]Plan1!#REF!</definedName>
    <definedName name="item2_31">[6]Plan1!#REF!</definedName>
    <definedName name="item2_32" localSheetId="2">[6]Plan1!#REF!</definedName>
    <definedName name="item2_32">[6]Plan1!#REF!</definedName>
    <definedName name="item2_33" localSheetId="2">[6]Plan1!#REF!</definedName>
    <definedName name="item2_33">[6]Plan1!#REF!</definedName>
    <definedName name="item2_34" localSheetId="2">[6]Plan1!#REF!</definedName>
    <definedName name="item2_34">[6]Plan1!#REF!</definedName>
    <definedName name="item2_35" localSheetId="2">[6]Plan1!#REF!</definedName>
    <definedName name="item2_35">[6]Plan1!#REF!</definedName>
    <definedName name="item2_36" localSheetId="2">[6]Plan1!#REF!</definedName>
    <definedName name="item2_36">[6]Plan1!#REF!</definedName>
    <definedName name="item2_38" localSheetId="2">[6]Plan1!#REF!</definedName>
    <definedName name="item2_38">[6]Plan1!#REF!</definedName>
    <definedName name="item3">#N/A</definedName>
    <definedName name="item3_15">[6]Plan1!$J$30</definedName>
    <definedName name="item3_16">[6]Plan1!$J$30</definedName>
    <definedName name="item3_17">[6]Plan1!$J$30</definedName>
    <definedName name="item3_18">[6]Plan1!$J$30</definedName>
    <definedName name="item3_19">[6]Plan1!$J$30</definedName>
    <definedName name="item3_20">[6]Plan1!$J$30</definedName>
    <definedName name="item3_21">[6]Plan1!$J$30</definedName>
    <definedName name="item3_22">[6]Plan1!$J$30</definedName>
    <definedName name="item3_23">[6]Plan1!$J$30</definedName>
    <definedName name="item3_24">[6]Plan1!$J$30</definedName>
    <definedName name="item3_25">[6]Plan1!$J$30</definedName>
    <definedName name="item3_26">[6]Plan1!$J$30</definedName>
    <definedName name="item3_27">[6]Plan1!$J$30</definedName>
    <definedName name="item3_28">[6]Plan1!$J$30</definedName>
    <definedName name="item3_29">[6]Plan1!$J$30</definedName>
    <definedName name="item3_30">[6]Plan1!$J$30</definedName>
    <definedName name="item3_31">[6]Plan1!$J$30</definedName>
    <definedName name="item3_32">[6]Plan1!$J$30</definedName>
    <definedName name="item3_33">[6]Plan1!$J$30</definedName>
    <definedName name="item3_34">[6]Plan1!$J$30</definedName>
    <definedName name="item3_35">[6]Plan1!$J$30</definedName>
    <definedName name="item3_36">[6]Plan1!$J$30</definedName>
    <definedName name="item3_38">[6]Plan1!$J$30</definedName>
    <definedName name="item4">#N/A</definedName>
    <definedName name="item4_15">[6]Plan1!$J$39</definedName>
    <definedName name="item4_16">[6]Plan1!$J$39</definedName>
    <definedName name="item4_17">[6]Plan1!$J$39</definedName>
    <definedName name="item4_18">[6]Plan1!$J$39</definedName>
    <definedName name="item4_19">[6]Plan1!$J$39</definedName>
    <definedName name="item4_20">[6]Plan1!$J$39</definedName>
    <definedName name="item4_21">[6]Plan1!$J$39</definedName>
    <definedName name="item4_22">[6]Plan1!$J$39</definedName>
    <definedName name="item4_23">[6]Plan1!$J$39</definedName>
    <definedName name="item4_24">[6]Plan1!$J$39</definedName>
    <definedName name="item4_25">[6]Plan1!$J$39</definedName>
    <definedName name="item4_26">[6]Plan1!$J$39</definedName>
    <definedName name="item4_27">[6]Plan1!$J$39</definedName>
    <definedName name="item4_28">[6]Plan1!$J$39</definedName>
    <definedName name="item4_29">[6]Plan1!$J$39</definedName>
    <definedName name="item4_30">[6]Plan1!$J$39</definedName>
    <definedName name="item4_31">[6]Plan1!$J$39</definedName>
    <definedName name="item4_32">[6]Plan1!$J$39</definedName>
    <definedName name="item4_33">[6]Plan1!$J$39</definedName>
    <definedName name="item4_34">[6]Plan1!$J$39</definedName>
    <definedName name="item4_35">[6]Plan1!$J$39</definedName>
    <definedName name="item4_36">[6]Plan1!$J$39</definedName>
    <definedName name="item4_38">[6]Plan1!$J$39</definedName>
    <definedName name="item4a">[6]Plan1!$J$39</definedName>
    <definedName name="item5_15" localSheetId="2">[6]Plan1!#REF!</definedName>
    <definedName name="item5_15">[6]Plan1!#REF!</definedName>
    <definedName name="item5_16" localSheetId="2">[6]Plan1!#REF!</definedName>
    <definedName name="item5_16">[6]Plan1!#REF!</definedName>
    <definedName name="item5_17" localSheetId="2">[6]Plan1!#REF!</definedName>
    <definedName name="item5_17">[6]Plan1!#REF!</definedName>
    <definedName name="item5_18" localSheetId="2">[6]Plan1!#REF!</definedName>
    <definedName name="item5_18">[6]Plan1!#REF!</definedName>
    <definedName name="item5_19" localSheetId="2">[6]Plan1!#REF!</definedName>
    <definedName name="item5_19">[6]Plan1!#REF!</definedName>
    <definedName name="item5_20" localSheetId="2">[6]Plan1!#REF!</definedName>
    <definedName name="item5_20">[6]Plan1!#REF!</definedName>
    <definedName name="item5_21" localSheetId="2">[6]Plan1!#REF!</definedName>
    <definedName name="item5_21">[6]Plan1!#REF!</definedName>
    <definedName name="item5_22" localSheetId="2">[6]Plan1!#REF!</definedName>
    <definedName name="item5_22">[6]Plan1!#REF!</definedName>
    <definedName name="item5_23" localSheetId="2">[6]Plan1!#REF!</definedName>
    <definedName name="item5_23">[6]Plan1!#REF!</definedName>
    <definedName name="item5_24" localSheetId="2">[6]Plan1!#REF!</definedName>
    <definedName name="item5_24">[6]Plan1!#REF!</definedName>
    <definedName name="item5_25" localSheetId="2">[6]Plan1!#REF!</definedName>
    <definedName name="item5_25">[6]Plan1!#REF!</definedName>
    <definedName name="item5_26" localSheetId="2">[6]Plan1!#REF!</definedName>
    <definedName name="item5_26">[6]Plan1!#REF!</definedName>
    <definedName name="item5_27" localSheetId="2">[6]Plan1!#REF!</definedName>
    <definedName name="item5_27">[6]Plan1!#REF!</definedName>
    <definedName name="item5_28" localSheetId="2">[6]Plan1!#REF!</definedName>
    <definedName name="item5_28">[6]Plan1!#REF!</definedName>
    <definedName name="item5_29" localSheetId="2">[6]Plan1!#REF!</definedName>
    <definedName name="item5_29">[6]Plan1!#REF!</definedName>
    <definedName name="item5_30" localSheetId="2">[6]Plan1!#REF!</definedName>
    <definedName name="item5_30">[6]Plan1!#REF!</definedName>
    <definedName name="item5_31" localSheetId="2">[6]Plan1!#REF!</definedName>
    <definedName name="item5_31">[6]Plan1!#REF!</definedName>
    <definedName name="item5_32" localSheetId="2">[6]Plan1!#REF!</definedName>
    <definedName name="item5_32">[6]Plan1!#REF!</definedName>
    <definedName name="item5_33" localSheetId="2">[6]Plan1!#REF!</definedName>
    <definedName name="item5_33">[6]Plan1!#REF!</definedName>
    <definedName name="item5_34" localSheetId="2">[6]Plan1!#REF!</definedName>
    <definedName name="item5_34">[6]Plan1!#REF!</definedName>
    <definedName name="item5_35" localSheetId="2">[6]Plan1!#REF!</definedName>
    <definedName name="item5_35">[6]Plan1!#REF!</definedName>
    <definedName name="item5_36" localSheetId="2">[6]Plan1!#REF!</definedName>
    <definedName name="item5_36">[6]Plan1!#REF!</definedName>
    <definedName name="item5_38" localSheetId="2">[6]Plan1!#REF!</definedName>
    <definedName name="item5_38">[6]Plan1!#REF!</definedName>
    <definedName name="item6_15" localSheetId="2">[6]Plan1!#REF!</definedName>
    <definedName name="item6_15">[6]Plan1!#REF!</definedName>
    <definedName name="item6_16" localSheetId="2">[6]Plan1!#REF!</definedName>
    <definedName name="item6_16">[6]Plan1!#REF!</definedName>
    <definedName name="item6_17" localSheetId="2">[6]Plan1!#REF!</definedName>
    <definedName name="item6_17">[6]Plan1!#REF!</definedName>
    <definedName name="item6_18" localSheetId="2">[6]Plan1!#REF!</definedName>
    <definedName name="item6_18">[6]Plan1!#REF!</definedName>
    <definedName name="item6_19" localSheetId="2">[6]Plan1!#REF!</definedName>
    <definedName name="item6_19">[6]Plan1!#REF!</definedName>
    <definedName name="item6_20" localSheetId="2">[6]Plan1!#REF!</definedName>
    <definedName name="item6_20">[6]Plan1!#REF!</definedName>
    <definedName name="item6_21" localSheetId="2">[6]Plan1!#REF!</definedName>
    <definedName name="item6_21">[6]Plan1!#REF!</definedName>
    <definedName name="item6_22" localSheetId="2">[6]Plan1!#REF!</definedName>
    <definedName name="item6_22">[6]Plan1!#REF!</definedName>
    <definedName name="item6_23" localSheetId="2">[6]Plan1!#REF!</definedName>
    <definedName name="item6_23">[6]Plan1!#REF!</definedName>
    <definedName name="item6_24" localSheetId="2">[6]Plan1!#REF!</definedName>
    <definedName name="item6_24">[6]Plan1!#REF!</definedName>
    <definedName name="item6_25" localSheetId="2">[6]Plan1!#REF!</definedName>
    <definedName name="item6_25">[6]Plan1!#REF!</definedName>
    <definedName name="item6_26" localSheetId="2">[6]Plan1!#REF!</definedName>
    <definedName name="item6_26">[6]Plan1!#REF!</definedName>
    <definedName name="item6_27" localSheetId="2">[6]Plan1!#REF!</definedName>
    <definedName name="item6_27">[6]Plan1!#REF!</definedName>
    <definedName name="item6_28" localSheetId="2">[6]Plan1!#REF!</definedName>
    <definedName name="item6_28">[6]Plan1!#REF!</definedName>
    <definedName name="item6_29" localSheetId="2">[6]Plan1!#REF!</definedName>
    <definedName name="item6_29">[6]Plan1!#REF!</definedName>
    <definedName name="item6_30" localSheetId="2">[6]Plan1!#REF!</definedName>
    <definedName name="item6_30">[6]Plan1!#REF!</definedName>
    <definedName name="item6_31" localSheetId="2">[6]Plan1!#REF!</definedName>
    <definedName name="item6_31">[6]Plan1!#REF!</definedName>
    <definedName name="item6_32" localSheetId="2">[6]Plan1!#REF!</definedName>
    <definedName name="item6_32">[6]Plan1!#REF!</definedName>
    <definedName name="item6_33" localSheetId="2">[6]Plan1!#REF!</definedName>
    <definedName name="item6_33">[6]Plan1!#REF!</definedName>
    <definedName name="item6_34" localSheetId="2">[6]Plan1!#REF!</definedName>
    <definedName name="item6_34">[6]Plan1!#REF!</definedName>
    <definedName name="item6_35" localSheetId="2">[6]Plan1!#REF!</definedName>
    <definedName name="item6_35">[6]Plan1!#REF!</definedName>
    <definedName name="item6_36" localSheetId="2">[6]Plan1!#REF!</definedName>
    <definedName name="item6_36">[6]Plan1!#REF!</definedName>
    <definedName name="item6_38" localSheetId="2">[6]Plan1!#REF!</definedName>
    <definedName name="item6_38">[6]Plan1!#REF!</definedName>
    <definedName name="item7_15">[6]Plan1!$J$53</definedName>
    <definedName name="item7_16">[6]Plan1!$J$53</definedName>
    <definedName name="item7_17">[6]Plan1!$J$53</definedName>
    <definedName name="item7_18">[6]Plan1!$J$53</definedName>
    <definedName name="item7_19">[6]Plan1!$J$53</definedName>
    <definedName name="item7_20">[6]Plan1!$J$53</definedName>
    <definedName name="item7_21">[6]Plan1!$J$53</definedName>
    <definedName name="item7_22">[6]Plan1!$J$53</definedName>
    <definedName name="item7_23">[6]Plan1!$J$53</definedName>
    <definedName name="item7_24">[6]Plan1!$J$53</definedName>
    <definedName name="item7_25">[6]Plan1!$J$53</definedName>
    <definedName name="item7_26">[6]Plan1!$J$53</definedName>
    <definedName name="item7_27">[6]Plan1!$J$53</definedName>
    <definedName name="item7_28">[6]Plan1!$J$53</definedName>
    <definedName name="item7_29">[6]Plan1!$J$53</definedName>
    <definedName name="item7_30">[6]Plan1!$J$53</definedName>
    <definedName name="item7_31">[6]Plan1!$J$53</definedName>
    <definedName name="item7_32">[6]Plan1!$J$53</definedName>
    <definedName name="item7_33">[6]Plan1!$J$53</definedName>
    <definedName name="item7_34">[6]Plan1!$J$53</definedName>
    <definedName name="item7_35">[6]Plan1!$J$53</definedName>
    <definedName name="item7_36">[6]Plan1!$J$53</definedName>
    <definedName name="item7_38">[6]Plan1!$J$53</definedName>
    <definedName name="item8_15">[6]Plan1!$J$81</definedName>
    <definedName name="item8_16">[6]Plan1!$J$81</definedName>
    <definedName name="item8_17">[6]Plan1!$J$81</definedName>
    <definedName name="item8_18">[6]Plan1!$J$81</definedName>
    <definedName name="item8_19">[6]Plan1!$J$81</definedName>
    <definedName name="item8_20">[6]Plan1!$J$81</definedName>
    <definedName name="item8_21">[6]Plan1!$J$81</definedName>
    <definedName name="item8_22">[6]Plan1!$J$81</definedName>
    <definedName name="item8_23">[6]Plan1!$J$81</definedName>
    <definedName name="item8_24">[6]Plan1!$J$81</definedName>
    <definedName name="item8_25">[6]Plan1!$J$81</definedName>
    <definedName name="item8_26">[6]Plan1!$J$81</definedName>
    <definedName name="item8_27">[6]Plan1!$J$81</definedName>
    <definedName name="item8_28">[6]Plan1!$J$81</definedName>
    <definedName name="item8_29">[6]Plan1!$J$81</definedName>
    <definedName name="item8_30">[6]Plan1!$J$81</definedName>
    <definedName name="item8_31">[6]Plan1!$J$81</definedName>
    <definedName name="item8_32">[6]Plan1!$J$81</definedName>
    <definedName name="item8_33">[6]Plan1!$J$81</definedName>
    <definedName name="item8_34">[6]Plan1!$J$81</definedName>
    <definedName name="item8_35">[6]Plan1!$J$81</definedName>
    <definedName name="item8_36">[6]Plan1!$J$81</definedName>
    <definedName name="item8_38">[6]Plan1!$J$81</definedName>
    <definedName name="item9_15" localSheetId="2">[6]Plan1!#REF!</definedName>
    <definedName name="item9_15">[6]Plan1!#REF!</definedName>
    <definedName name="item9_16" localSheetId="2">[6]Plan1!#REF!</definedName>
    <definedName name="item9_16">[6]Plan1!#REF!</definedName>
    <definedName name="item9_17" localSheetId="2">[6]Plan1!#REF!</definedName>
    <definedName name="item9_17">[6]Plan1!#REF!</definedName>
    <definedName name="item9_18" localSheetId="2">[6]Plan1!#REF!</definedName>
    <definedName name="item9_18">[6]Plan1!#REF!</definedName>
    <definedName name="item9_19" localSheetId="2">[6]Plan1!#REF!</definedName>
    <definedName name="item9_19">[6]Plan1!#REF!</definedName>
    <definedName name="item9_20" localSheetId="2">[6]Plan1!#REF!</definedName>
    <definedName name="item9_20">[6]Plan1!#REF!</definedName>
    <definedName name="item9_21" localSheetId="2">[6]Plan1!#REF!</definedName>
    <definedName name="item9_21">[6]Plan1!#REF!</definedName>
    <definedName name="item9_22" localSheetId="2">[6]Plan1!#REF!</definedName>
    <definedName name="item9_22">[6]Plan1!#REF!</definedName>
    <definedName name="item9_23" localSheetId="2">[6]Plan1!#REF!</definedName>
    <definedName name="item9_23">[6]Plan1!#REF!</definedName>
    <definedName name="item9_24" localSheetId="2">[6]Plan1!#REF!</definedName>
    <definedName name="item9_24">[6]Plan1!#REF!</definedName>
    <definedName name="item9_25" localSheetId="2">[6]Plan1!#REF!</definedName>
    <definedName name="item9_25">[6]Plan1!#REF!</definedName>
    <definedName name="item9_26" localSheetId="2">[6]Plan1!#REF!</definedName>
    <definedName name="item9_26">[6]Plan1!#REF!</definedName>
    <definedName name="item9_27" localSheetId="2">[6]Plan1!#REF!</definedName>
    <definedName name="item9_27">[6]Plan1!#REF!</definedName>
    <definedName name="item9_28" localSheetId="2">[6]Plan1!#REF!</definedName>
    <definedName name="item9_28">[6]Plan1!#REF!</definedName>
    <definedName name="item9_29" localSheetId="2">[6]Plan1!#REF!</definedName>
    <definedName name="item9_29">[6]Plan1!#REF!</definedName>
    <definedName name="item9_30" localSheetId="2">[6]Plan1!#REF!</definedName>
    <definedName name="item9_30">[6]Plan1!#REF!</definedName>
    <definedName name="item9_31" localSheetId="2">[6]Plan1!#REF!</definedName>
    <definedName name="item9_31">[6]Plan1!#REF!</definedName>
    <definedName name="item9_32" localSheetId="2">[6]Plan1!#REF!</definedName>
    <definedName name="item9_32">[6]Plan1!#REF!</definedName>
    <definedName name="item9_33" localSheetId="2">[6]Plan1!#REF!</definedName>
    <definedName name="item9_33">[6]Plan1!#REF!</definedName>
    <definedName name="item9_34" localSheetId="2">[6]Plan1!#REF!</definedName>
    <definedName name="item9_34">[6]Plan1!#REF!</definedName>
    <definedName name="item9_35" localSheetId="2">[6]Plan1!#REF!</definedName>
    <definedName name="item9_35">[6]Plan1!#REF!</definedName>
    <definedName name="item9_36" localSheetId="2">[6]Plan1!#REF!</definedName>
    <definedName name="item9_36">[6]Plan1!#REF!</definedName>
    <definedName name="item9_38" localSheetId="2">[6]Plan1!#REF!</definedName>
    <definedName name="item9_38">[6]Plan1!#REF!</definedName>
    <definedName name="kjhkgjg" localSheetId="2">#REF!</definedName>
    <definedName name="kjhkgjg">#REF!</definedName>
    <definedName name="koae" localSheetId="2">#REF!</definedName>
    <definedName name="koae">#REF!</definedName>
    <definedName name="kpavi" localSheetId="2">#REF!</definedName>
    <definedName name="kpavi">#REF!</definedName>
    <definedName name="kterra" localSheetId="2">#REF!</definedName>
    <definedName name="kterra">#REF!</definedName>
    <definedName name="LEIS" localSheetId="2">#REF!</definedName>
    <definedName name="LEIS">#REF!</definedName>
    <definedName name="LEIS_36" localSheetId="2">#REF!</definedName>
    <definedName name="LEIS_36">#REF!</definedName>
    <definedName name="leis2" localSheetId="2">#REF!</definedName>
    <definedName name="leis2">#REF!</definedName>
    <definedName name="MACROS" localSheetId="2">#REF!</definedName>
    <definedName name="MACROS">#REF!</definedName>
    <definedName name="MAO010201_36" localSheetId="2">#REF!</definedName>
    <definedName name="MAO010201_36">#REF!</definedName>
    <definedName name="MAO010202_36" localSheetId="2">#REF!</definedName>
    <definedName name="MAO010202_36">#REF!</definedName>
    <definedName name="MAO010205_36" localSheetId="2">#REF!</definedName>
    <definedName name="MAO010205_36">#REF!</definedName>
    <definedName name="MAO010206_36" localSheetId="2">#REF!</definedName>
    <definedName name="MAO010206_36">#REF!</definedName>
    <definedName name="MAO010210_36" localSheetId="2">#REF!</definedName>
    <definedName name="MAO010210_36">#REF!</definedName>
    <definedName name="MAO010401_36" localSheetId="2">#REF!</definedName>
    <definedName name="MAO010401_36">#REF!</definedName>
    <definedName name="MAO010402_36" localSheetId="2">#REF!</definedName>
    <definedName name="MAO010402_36">#REF!</definedName>
    <definedName name="MAO010407_36" localSheetId="2">#REF!</definedName>
    <definedName name="MAO010407_36">#REF!</definedName>
    <definedName name="MAO010413_36" localSheetId="2">#REF!</definedName>
    <definedName name="MAO010413_36">#REF!</definedName>
    <definedName name="MAO010501_36" localSheetId="2">#REF!</definedName>
    <definedName name="MAO010501_36">#REF!</definedName>
    <definedName name="MAO010503_36" localSheetId="2">#REF!</definedName>
    <definedName name="MAO010503_36">#REF!</definedName>
    <definedName name="MAO010505_36" localSheetId="2">#REF!</definedName>
    <definedName name="MAO010505_36">#REF!</definedName>
    <definedName name="MAO010509_36" localSheetId="2">#REF!</definedName>
    <definedName name="MAO010509_36">#REF!</definedName>
    <definedName name="MAO010512_36" localSheetId="2">#REF!</definedName>
    <definedName name="MAO010512_36">#REF!</definedName>
    <definedName name="MAO010518_36" localSheetId="2">#REF!</definedName>
    <definedName name="MAO010518_36">#REF!</definedName>
    <definedName name="MAO010519_36" localSheetId="2">#REF!</definedName>
    <definedName name="MAO010519_36">#REF!</definedName>
    <definedName name="MAO010521_36" localSheetId="2">#REF!</definedName>
    <definedName name="MAO010521_36">#REF!</definedName>
    <definedName name="MAO010523_36" localSheetId="2">#REF!</definedName>
    <definedName name="MAO010523_36">#REF!</definedName>
    <definedName name="MAO010532_36" localSheetId="2">#REF!</definedName>
    <definedName name="MAO010532_36">#REF!</definedName>
    <definedName name="MAO010533_36" localSheetId="2">#REF!</definedName>
    <definedName name="MAO010533_36">#REF!</definedName>
    <definedName name="MAO010536_36" localSheetId="2">#REF!</definedName>
    <definedName name="MAO010536_36">#REF!</definedName>
    <definedName name="MAO010701_36" localSheetId="2">#REF!</definedName>
    <definedName name="MAO010701_36">#REF!</definedName>
    <definedName name="MAO010703_36" localSheetId="2">#REF!</definedName>
    <definedName name="MAO010703_36">#REF!</definedName>
    <definedName name="MAO010705_36" localSheetId="2">#REF!</definedName>
    <definedName name="MAO010705_36">#REF!</definedName>
    <definedName name="MAO010708_36" localSheetId="2">#REF!</definedName>
    <definedName name="MAO010708_36">#REF!</definedName>
    <definedName name="MAO010710_36" localSheetId="2">#REF!</definedName>
    <definedName name="MAO010710_36">#REF!</definedName>
    <definedName name="MAO010712_36" localSheetId="2">#REF!</definedName>
    <definedName name="MAO010712_36">#REF!</definedName>
    <definedName name="MAO010717_36" localSheetId="2">#REF!</definedName>
    <definedName name="MAO010717_36">#REF!</definedName>
    <definedName name="MAO020201_36" localSheetId="2">#REF!</definedName>
    <definedName name="MAO020201_36">#REF!</definedName>
    <definedName name="MAO020205_36" localSheetId="2">#REF!</definedName>
    <definedName name="MAO020205_36">#REF!</definedName>
    <definedName name="MAO020211_36" localSheetId="2">#REF!</definedName>
    <definedName name="MAO020211_36">#REF!</definedName>
    <definedName name="MAO020217_36" localSheetId="2">#REF!</definedName>
    <definedName name="MAO020217_36">#REF!</definedName>
    <definedName name="MAO030102_36" localSheetId="2">#REF!</definedName>
    <definedName name="MAO030102_36">#REF!</definedName>
    <definedName name="MAO030201_36" localSheetId="2">#REF!</definedName>
    <definedName name="MAO030201_36">#REF!</definedName>
    <definedName name="MAO030303_36" localSheetId="2">#REF!</definedName>
    <definedName name="MAO030303_36">#REF!</definedName>
    <definedName name="MAO030317_36" localSheetId="2">#REF!</definedName>
    <definedName name="MAO030317_36">#REF!</definedName>
    <definedName name="MAO040101_36" localSheetId="2">#REF!</definedName>
    <definedName name="MAO040101_36">#REF!</definedName>
    <definedName name="MAO040202_36" localSheetId="2">#REF!</definedName>
    <definedName name="MAO040202_36">#REF!</definedName>
    <definedName name="MAO050103_36" localSheetId="2">#REF!</definedName>
    <definedName name="MAO050103_36">#REF!</definedName>
    <definedName name="MAO050207_36" localSheetId="2">#REF!</definedName>
    <definedName name="MAO050207_36">#REF!</definedName>
    <definedName name="MAO060101_36" localSheetId="2">#REF!</definedName>
    <definedName name="MAO060101_36">#REF!</definedName>
    <definedName name="MAO080310_36" localSheetId="2">#REF!</definedName>
    <definedName name="MAO080310_36">#REF!</definedName>
    <definedName name="MAO090101_36" localSheetId="2">#REF!</definedName>
    <definedName name="MAO090101_36">#REF!</definedName>
    <definedName name="MAO110101_36" localSheetId="2">#REF!</definedName>
    <definedName name="MAO110101_36">#REF!</definedName>
    <definedName name="MAO110104_36" localSheetId="2">#REF!</definedName>
    <definedName name="MAO110104_36">#REF!</definedName>
    <definedName name="MAO110107_36" localSheetId="2">#REF!</definedName>
    <definedName name="MAO110107_36">#REF!</definedName>
    <definedName name="MAO120101_36" localSheetId="2">#REF!</definedName>
    <definedName name="MAO120101_36">#REF!</definedName>
    <definedName name="MAO120105_36" localSheetId="2">#REF!</definedName>
    <definedName name="MAO120105_36">#REF!</definedName>
    <definedName name="MAO120106_36" localSheetId="2">#REF!</definedName>
    <definedName name="MAO120106_36">#REF!</definedName>
    <definedName name="MAO120107_36" localSheetId="2">#REF!</definedName>
    <definedName name="MAO120107_36">#REF!</definedName>
    <definedName name="MAO120110_36" localSheetId="2">#REF!</definedName>
    <definedName name="MAO120110_36">#REF!</definedName>
    <definedName name="MAO120150_36" localSheetId="2">#REF!</definedName>
    <definedName name="MAO120150_36">#REF!</definedName>
    <definedName name="MAO130101_36" localSheetId="2">#REF!</definedName>
    <definedName name="MAO130101_36">#REF!</definedName>
    <definedName name="MAO130103_36" localSheetId="2">#REF!</definedName>
    <definedName name="MAO130103_36">#REF!</definedName>
    <definedName name="MAO130304_36" localSheetId="2">#REF!</definedName>
    <definedName name="MAO130304_36">#REF!</definedName>
    <definedName name="MAO130401_36" localSheetId="2">#REF!</definedName>
    <definedName name="MAO130401_36">#REF!</definedName>
    <definedName name="MAO140102_36" localSheetId="2">#REF!</definedName>
    <definedName name="MAO140102_36">#REF!</definedName>
    <definedName name="MAO140109_36" localSheetId="2">#REF!</definedName>
    <definedName name="MAO140109_36">#REF!</definedName>
    <definedName name="MAO140113_36" localSheetId="2">#REF!</definedName>
    <definedName name="MAO140113_36">#REF!</definedName>
    <definedName name="MAO140122_36" localSheetId="2">#REF!</definedName>
    <definedName name="MAO140122_36">#REF!</definedName>
    <definedName name="MAO140126_36" localSheetId="2">#REF!</definedName>
    <definedName name="MAO140126_36">#REF!</definedName>
    <definedName name="MAO140129_36" localSheetId="2">#REF!</definedName>
    <definedName name="MAO140129_36">#REF!</definedName>
    <definedName name="MAO140135_36" localSheetId="2">#REF!</definedName>
    <definedName name="MAO140135_36">#REF!</definedName>
    <definedName name="MAO140143_36" localSheetId="2">#REF!</definedName>
    <definedName name="MAO140143_36">#REF!</definedName>
    <definedName name="MAO140145_36" localSheetId="2">#REF!</definedName>
    <definedName name="MAO140145_36">#REF!</definedName>
    <definedName name="MAT">#N/A</definedName>
    <definedName name="MAT_10">#N/A</definedName>
    <definedName name="MAT_11">#N/A</definedName>
    <definedName name="MAT_12">#N/A</definedName>
    <definedName name="MAT_13">#N/A</definedName>
    <definedName name="MAT_14">#N/A</definedName>
    <definedName name="MAT_15">#N/A</definedName>
    <definedName name="MAT_16">#N/A</definedName>
    <definedName name="MAT_17">#N/A</definedName>
    <definedName name="MAT_18">#N/A</definedName>
    <definedName name="MAT_19">#N/A</definedName>
    <definedName name="MAT_2">#N/A</definedName>
    <definedName name="MAT_20">#N/A</definedName>
    <definedName name="MAT_21">#N/A</definedName>
    <definedName name="MAT_22">#N/A</definedName>
    <definedName name="MAT_23">#N/A</definedName>
    <definedName name="MAT_24">#N/A</definedName>
    <definedName name="MAT_25">#N/A</definedName>
    <definedName name="MAT_26">#N/A</definedName>
    <definedName name="MAT_27">#N/A</definedName>
    <definedName name="MAT_28">#N/A</definedName>
    <definedName name="MAT_29">#N/A</definedName>
    <definedName name="MAT_30">#N/A</definedName>
    <definedName name="MAT_31">#N/A</definedName>
    <definedName name="MAT_32">#N/A</definedName>
    <definedName name="MAT_33">#N/A</definedName>
    <definedName name="MAT_34">#N/A</definedName>
    <definedName name="MAT_35">#N/A</definedName>
    <definedName name="MAT_36">#N/A</definedName>
    <definedName name="MAT_37">#N/A</definedName>
    <definedName name="MAT_38">#N/A</definedName>
    <definedName name="MAT_39">#N/A</definedName>
    <definedName name="MAT_40">#N/A</definedName>
    <definedName name="MAT_41">#N/A</definedName>
    <definedName name="MAT_42">#N/A</definedName>
    <definedName name="MAT_43">#N/A</definedName>
    <definedName name="MAT_44">#N/A</definedName>
    <definedName name="MAT_45">#N/A</definedName>
    <definedName name="MAT_46">#N/A</definedName>
    <definedName name="MAT_47">#N/A</definedName>
    <definedName name="MAT_48">#N/A</definedName>
    <definedName name="MAT_49">#N/A</definedName>
    <definedName name="MAT_5">#N/A</definedName>
    <definedName name="MAT_50">#N/A</definedName>
    <definedName name="MAT_51">#N/A</definedName>
    <definedName name="MAT_52">#N/A</definedName>
    <definedName name="MAT_53">#N/A</definedName>
    <definedName name="MAT_54">#N/A</definedName>
    <definedName name="MAT_55">#N/A</definedName>
    <definedName name="MAT_56">#N/A</definedName>
    <definedName name="MAT_57">#N/A</definedName>
    <definedName name="MAT_58">#N/A</definedName>
    <definedName name="MAT_6">#N/A</definedName>
    <definedName name="MAT_60">#N/A</definedName>
    <definedName name="MAT_61">#N/A</definedName>
    <definedName name="MAT_62">#N/A</definedName>
    <definedName name="MAT_63">#N/A</definedName>
    <definedName name="MAT_64">#N/A</definedName>
    <definedName name="MAT_65">#N/A</definedName>
    <definedName name="MAT_66">#N/A</definedName>
    <definedName name="MAT_67">#N/A</definedName>
    <definedName name="MAT_68">#N/A</definedName>
    <definedName name="MAT_69">#N/A</definedName>
    <definedName name="MAT_7">#N/A</definedName>
    <definedName name="MAT_70">#N/A</definedName>
    <definedName name="MAT_71">#N/A</definedName>
    <definedName name="MAT_72">#N/A</definedName>
    <definedName name="MAT_73">#N/A</definedName>
    <definedName name="MAT_74">#N/A</definedName>
    <definedName name="MAT_75">#N/A</definedName>
    <definedName name="MAT_76">#N/A</definedName>
    <definedName name="MAT_77">#N/A</definedName>
    <definedName name="MAT_78">#N/A</definedName>
    <definedName name="MAT_79">#N/A</definedName>
    <definedName name="MAT_8">#N/A</definedName>
    <definedName name="MAT_80">#N/A</definedName>
    <definedName name="MAT_81">#N/A</definedName>
    <definedName name="MAT_82">#N/A</definedName>
    <definedName name="MAT_83">#N/A</definedName>
    <definedName name="MAT_84">#N/A</definedName>
    <definedName name="MAT_85">#N/A</definedName>
    <definedName name="MAT_86">#N/A</definedName>
    <definedName name="MAT_87">#N/A</definedName>
    <definedName name="MAT_88">#N/A</definedName>
    <definedName name="MAT_9">#N/A</definedName>
    <definedName name="MAT_92">#N/A</definedName>
    <definedName name="MAT_95">#N/A</definedName>
    <definedName name="MAT_96">#N/A</definedName>
    <definedName name="MAT_97">#N/A</definedName>
    <definedName name="MAT010301_36" localSheetId="2">#REF!</definedName>
    <definedName name="MAT010301_36">#REF!</definedName>
    <definedName name="MAT010401_36" localSheetId="2">#REF!</definedName>
    <definedName name="MAT010401_36">#REF!</definedName>
    <definedName name="MAT010402_36" localSheetId="2">#REF!</definedName>
    <definedName name="MAT010402_36">#REF!</definedName>
    <definedName name="MAT010407_36" localSheetId="2">#REF!</definedName>
    <definedName name="MAT010407_36">#REF!</definedName>
    <definedName name="MAT010413_36" localSheetId="2">#REF!</definedName>
    <definedName name="MAT010413_36">#REF!</definedName>
    <definedName name="MAT010536_36" localSheetId="2">#REF!</definedName>
    <definedName name="MAT010536_36">#REF!</definedName>
    <definedName name="MAT010703_36" localSheetId="2">#REF!</definedName>
    <definedName name="MAT010703_36">#REF!</definedName>
    <definedName name="MAT010708_36" localSheetId="2">#REF!</definedName>
    <definedName name="MAT010708_36">#REF!</definedName>
    <definedName name="MAT010710_36" localSheetId="2">#REF!</definedName>
    <definedName name="MAT010710_36">#REF!</definedName>
    <definedName name="MAT010718_36" localSheetId="2">#REF!</definedName>
    <definedName name="MAT010718_36">#REF!</definedName>
    <definedName name="MAT020201_36" localSheetId="2">#REF!</definedName>
    <definedName name="MAT020201_36">#REF!</definedName>
    <definedName name="MAT020205_36" localSheetId="2">#REF!</definedName>
    <definedName name="MAT020205_36">#REF!</definedName>
    <definedName name="MAT020211_36" localSheetId="2">#REF!</definedName>
    <definedName name="MAT020211_36">#REF!</definedName>
    <definedName name="MAT030102_36" localSheetId="2">#REF!</definedName>
    <definedName name="MAT030102_36">#REF!</definedName>
    <definedName name="MAT030201_36" localSheetId="2">#REF!</definedName>
    <definedName name="MAT030201_36">#REF!</definedName>
    <definedName name="MAT030303_36" localSheetId="2">#REF!</definedName>
    <definedName name="MAT030303_36">#REF!</definedName>
    <definedName name="MAT030317_36" localSheetId="2">#REF!</definedName>
    <definedName name="MAT030317_36">#REF!</definedName>
    <definedName name="MAT040101_36" localSheetId="2">#REF!</definedName>
    <definedName name="MAT040101_36">#REF!</definedName>
    <definedName name="MAT040202_36" localSheetId="2">#REF!</definedName>
    <definedName name="MAT040202_36">#REF!</definedName>
    <definedName name="MAT050103_36" localSheetId="2">#REF!</definedName>
    <definedName name="MAT050103_36">#REF!</definedName>
    <definedName name="MAT050207_36" localSheetId="2">#REF!</definedName>
    <definedName name="MAT050207_36">#REF!</definedName>
    <definedName name="MAT060101_36" localSheetId="2">#REF!</definedName>
    <definedName name="MAT060101_36">#REF!</definedName>
    <definedName name="MAT080101_36" localSheetId="2">#REF!</definedName>
    <definedName name="MAT080101_36">#REF!</definedName>
    <definedName name="MAT080310_36" localSheetId="2">#REF!</definedName>
    <definedName name="MAT080310_36">#REF!</definedName>
    <definedName name="MAT090101_36" localSheetId="2">#REF!</definedName>
    <definedName name="MAT090101_36">#REF!</definedName>
    <definedName name="MAT100302_36" localSheetId="2">#REF!</definedName>
    <definedName name="MAT100302_36">#REF!</definedName>
    <definedName name="MAT110101_36" localSheetId="2">#REF!</definedName>
    <definedName name="MAT110101_36">#REF!</definedName>
    <definedName name="MAT110104_36" localSheetId="2">#REF!</definedName>
    <definedName name="MAT110104_36">#REF!</definedName>
    <definedName name="MAT110107_36" localSheetId="2">#REF!</definedName>
    <definedName name="MAT110107_36">#REF!</definedName>
    <definedName name="MAT120101_36" localSheetId="2">#REF!</definedName>
    <definedName name="MAT120101_36">#REF!</definedName>
    <definedName name="MAT120105_36" localSheetId="2">#REF!</definedName>
    <definedName name="MAT120105_36">#REF!</definedName>
    <definedName name="MAT120106_36" localSheetId="2">#REF!</definedName>
    <definedName name="MAT120106_36">#REF!</definedName>
    <definedName name="MAT120107_36" localSheetId="2">#REF!</definedName>
    <definedName name="MAT120107_36">#REF!</definedName>
    <definedName name="MAT120110_36" localSheetId="2">#REF!</definedName>
    <definedName name="MAT120110_36">#REF!</definedName>
    <definedName name="MAT120150_36" localSheetId="2">#REF!</definedName>
    <definedName name="MAT120150_36">#REF!</definedName>
    <definedName name="MAT130101_36" localSheetId="2">#REF!</definedName>
    <definedName name="MAT130101_36">#REF!</definedName>
    <definedName name="MAT130103_36" localSheetId="2">#REF!</definedName>
    <definedName name="MAT130103_36">#REF!</definedName>
    <definedName name="MAT130304_36" localSheetId="2">#REF!</definedName>
    <definedName name="MAT130304_36">#REF!</definedName>
    <definedName name="MAT130401_36" localSheetId="2">#REF!</definedName>
    <definedName name="MAT130401_36">#REF!</definedName>
    <definedName name="MAT140102_36" localSheetId="2">#REF!</definedName>
    <definedName name="MAT140102_36">#REF!</definedName>
    <definedName name="MAT140109_36" localSheetId="2">#REF!</definedName>
    <definedName name="MAT140109_36">#REF!</definedName>
    <definedName name="MAT140113_36" localSheetId="2">#REF!</definedName>
    <definedName name="MAT140113_36">#REF!</definedName>
    <definedName name="MAT140122_36" localSheetId="2">#REF!</definedName>
    <definedName name="MAT140122_36">#REF!</definedName>
    <definedName name="MAT140126_36" localSheetId="2">#REF!</definedName>
    <definedName name="MAT140126_36">#REF!</definedName>
    <definedName name="MAT140129_36" localSheetId="2">#REF!</definedName>
    <definedName name="MAT140129_36">#REF!</definedName>
    <definedName name="MAT140135_36" localSheetId="2">#REF!</definedName>
    <definedName name="MAT140135_36">#REF!</definedName>
    <definedName name="MAT140143_36" localSheetId="2">#REF!</definedName>
    <definedName name="MAT140143_36">#REF!</definedName>
    <definedName name="MAT140145_36" localSheetId="2">#REF!</definedName>
    <definedName name="MAT140145_36">#REF!</definedName>
    <definedName name="MAT150130_36" localSheetId="2">#REF!</definedName>
    <definedName name="MAT150130_36">#REF!</definedName>
    <definedName name="MAT170101_36" localSheetId="2">#REF!</definedName>
    <definedName name="MAT170101_36">#REF!</definedName>
    <definedName name="MAT170102_36" localSheetId="2">#REF!</definedName>
    <definedName name="MAT170102_36">#REF!</definedName>
    <definedName name="MAT170103_36" localSheetId="2">#REF!</definedName>
    <definedName name="MAT170103_36">#REF!</definedName>
    <definedName name="MEIO_FIO" localSheetId="2">#REF!</definedName>
    <definedName name="MEIO_FIO">#REF!</definedName>
    <definedName name="MO">#N/A</definedName>
    <definedName name="MO_10">#N/A</definedName>
    <definedName name="MO_11">#N/A</definedName>
    <definedName name="MO_12">#N/A</definedName>
    <definedName name="MO_13">#N/A</definedName>
    <definedName name="MO_14">#N/A</definedName>
    <definedName name="MO_15">#N/A</definedName>
    <definedName name="MO_16">#N/A</definedName>
    <definedName name="MO_17">#N/A</definedName>
    <definedName name="MO_18">#N/A</definedName>
    <definedName name="MO_19">#N/A</definedName>
    <definedName name="MO_2">#N/A</definedName>
    <definedName name="MO_20">#N/A</definedName>
    <definedName name="MO_21">#N/A</definedName>
    <definedName name="MO_22">#N/A</definedName>
    <definedName name="MO_23">#N/A</definedName>
    <definedName name="MO_24">#N/A</definedName>
    <definedName name="MO_25">#N/A</definedName>
    <definedName name="MO_26">#N/A</definedName>
    <definedName name="MO_27">#N/A</definedName>
    <definedName name="MO_28">#N/A</definedName>
    <definedName name="MO_29">#N/A</definedName>
    <definedName name="MO_30">#N/A</definedName>
    <definedName name="MO_31">#N/A</definedName>
    <definedName name="MO_32">#N/A</definedName>
    <definedName name="MO_33">#N/A</definedName>
    <definedName name="MO_34">#N/A</definedName>
    <definedName name="MO_35">#N/A</definedName>
    <definedName name="MO_36">#N/A</definedName>
    <definedName name="MO_37">#N/A</definedName>
    <definedName name="MO_38">#N/A</definedName>
    <definedName name="MO_39">#N/A</definedName>
    <definedName name="MO_40">#N/A</definedName>
    <definedName name="MO_41">#N/A</definedName>
    <definedName name="MO_42">#N/A</definedName>
    <definedName name="MO_43">#N/A</definedName>
    <definedName name="MO_44">#N/A</definedName>
    <definedName name="MO_45">#N/A</definedName>
    <definedName name="MO_46">#N/A</definedName>
    <definedName name="MO_47">#N/A</definedName>
    <definedName name="MO_48">#N/A</definedName>
    <definedName name="MO_49">#N/A</definedName>
    <definedName name="MO_5">#N/A</definedName>
    <definedName name="MO_50">#N/A</definedName>
    <definedName name="MO_51">#N/A</definedName>
    <definedName name="MO_52">#N/A</definedName>
    <definedName name="MO_53">#N/A</definedName>
    <definedName name="MO_54">#N/A</definedName>
    <definedName name="MO_55">#N/A</definedName>
    <definedName name="MO_56">#N/A</definedName>
    <definedName name="MO_57">#N/A</definedName>
    <definedName name="MO_58">#N/A</definedName>
    <definedName name="MO_6">#N/A</definedName>
    <definedName name="MO_60">#N/A</definedName>
    <definedName name="MO_61">#N/A</definedName>
    <definedName name="MO_62">#N/A</definedName>
    <definedName name="MO_63">#N/A</definedName>
    <definedName name="MO_64">#N/A</definedName>
    <definedName name="MO_65">#N/A</definedName>
    <definedName name="MO_66">#N/A</definedName>
    <definedName name="MO_67">#N/A</definedName>
    <definedName name="MO_68">#N/A</definedName>
    <definedName name="MO_69">#N/A</definedName>
    <definedName name="MO_7">#N/A</definedName>
    <definedName name="MO_70">#N/A</definedName>
    <definedName name="MO_71">#N/A</definedName>
    <definedName name="MO_72">#N/A</definedName>
    <definedName name="MO_73">#N/A</definedName>
    <definedName name="MO_74">#N/A</definedName>
    <definedName name="MO_75">#N/A</definedName>
    <definedName name="MO_76">#N/A</definedName>
    <definedName name="MO_77">#N/A</definedName>
    <definedName name="MO_78">#N/A</definedName>
    <definedName name="MO_79">#N/A</definedName>
    <definedName name="MO_8">#N/A</definedName>
    <definedName name="MO_80">#N/A</definedName>
    <definedName name="MO_81">#N/A</definedName>
    <definedName name="MO_82">#N/A</definedName>
    <definedName name="MO_83">#N/A</definedName>
    <definedName name="MO_84">#N/A</definedName>
    <definedName name="MO_85">#N/A</definedName>
    <definedName name="MO_86">#N/A</definedName>
    <definedName name="MO_87">#N/A</definedName>
    <definedName name="MO_88">#N/A</definedName>
    <definedName name="MO_9">#N/A</definedName>
    <definedName name="MO_92">#N/A</definedName>
    <definedName name="MO_95">#N/A</definedName>
    <definedName name="MO_96">#N/A</definedName>
    <definedName name="MO_97">#N/A</definedName>
    <definedName name="mo_base">[1]Base!$U$39</definedName>
    <definedName name="mo_sub_base">'[1]Sub-base'!$U$36</definedName>
    <definedName name="MOE" localSheetId="2">#REF!</definedName>
    <definedName name="MOE">#REF!</definedName>
    <definedName name="MOE_36" localSheetId="2">#REF!</definedName>
    <definedName name="MOE_36">#REF!</definedName>
    <definedName name="MOH" localSheetId="2">#REF!</definedName>
    <definedName name="MOH">#REF!</definedName>
    <definedName name="MOH_36" localSheetId="2">#REF!</definedName>
    <definedName name="MOH_36">#REF!</definedName>
    <definedName name="Não">[7]Efetivo!#REF!</definedName>
    <definedName name="num_linhas" localSheetId="2">#REF!</definedName>
    <definedName name="num_linhas">#REF!</definedName>
    <definedName name="num_linhas_36" localSheetId="2">#REF!</definedName>
    <definedName name="num_linhas_36">#REF!</definedName>
    <definedName name="oac" localSheetId="2">#REF!</definedName>
    <definedName name="oac">#REF!</definedName>
    <definedName name="oae" localSheetId="2">#REF!</definedName>
    <definedName name="oae">#REF!</definedName>
    <definedName name="ocom" localSheetId="2">#REF!</definedName>
    <definedName name="ocom">#REF!</definedName>
    <definedName name="ok">[0]!ok</definedName>
    <definedName name="pavi" localSheetId="2">#REF!</definedName>
    <definedName name="pavi">#REF!</definedName>
    <definedName name="PL_ABC">#N/A</definedName>
    <definedName name="PL_ABC_10">#N/A</definedName>
    <definedName name="PL_ABC_11">#N/A</definedName>
    <definedName name="PL_ABC_12">#N/A</definedName>
    <definedName name="PL_ABC_13">#N/A</definedName>
    <definedName name="PL_ABC_14">#N/A</definedName>
    <definedName name="PL_ABC_15">#N/A</definedName>
    <definedName name="PL_ABC_16">#N/A</definedName>
    <definedName name="PL_ABC_17">#N/A</definedName>
    <definedName name="PL_ABC_18">#N/A</definedName>
    <definedName name="PL_ABC_19">#N/A</definedName>
    <definedName name="PL_ABC_2">#N/A</definedName>
    <definedName name="PL_ABC_20">#N/A</definedName>
    <definedName name="PL_ABC_21">#N/A</definedName>
    <definedName name="PL_ABC_22">#N/A</definedName>
    <definedName name="PL_ABC_23">#N/A</definedName>
    <definedName name="PL_ABC_24">#N/A</definedName>
    <definedName name="PL_ABC_25">#N/A</definedName>
    <definedName name="PL_ABC_26">#N/A</definedName>
    <definedName name="PL_ABC_27">#N/A</definedName>
    <definedName name="PL_ABC_28">#N/A</definedName>
    <definedName name="PL_ABC_29">#N/A</definedName>
    <definedName name="PL_ABC_30">#N/A</definedName>
    <definedName name="PL_ABC_31">#N/A</definedName>
    <definedName name="PL_ABC_32">#N/A</definedName>
    <definedName name="PL_ABC_33">#N/A</definedName>
    <definedName name="PL_ABC_34">#N/A</definedName>
    <definedName name="PL_ABC_35">#N/A</definedName>
    <definedName name="PL_ABC_36">#N/A</definedName>
    <definedName name="PL_ABC_37">#N/A</definedName>
    <definedName name="PL_ABC_38">#N/A</definedName>
    <definedName name="PL_ABC_39">#N/A</definedName>
    <definedName name="PL_ABC_40">#N/A</definedName>
    <definedName name="PL_ABC_41">#N/A</definedName>
    <definedName name="PL_ABC_42">#N/A</definedName>
    <definedName name="PL_ABC_43">#N/A</definedName>
    <definedName name="PL_ABC_44">#N/A</definedName>
    <definedName name="PL_ABC_45">#N/A</definedName>
    <definedName name="PL_ABC_46">#N/A</definedName>
    <definedName name="PL_ABC_47">#N/A</definedName>
    <definedName name="PL_ABC_48">#N/A</definedName>
    <definedName name="PL_ABC_49">#N/A</definedName>
    <definedName name="PL_ABC_5">#N/A</definedName>
    <definedName name="PL_ABC_50">#N/A</definedName>
    <definedName name="PL_ABC_51">#N/A</definedName>
    <definedName name="PL_ABC_52">#N/A</definedName>
    <definedName name="PL_ABC_53">#N/A</definedName>
    <definedName name="PL_ABC_54">#N/A</definedName>
    <definedName name="PL_ABC_55">#N/A</definedName>
    <definedName name="PL_ABC_56">#N/A</definedName>
    <definedName name="PL_ABC_57">#N/A</definedName>
    <definedName name="PL_ABC_58">#N/A</definedName>
    <definedName name="PL_ABC_6">#N/A</definedName>
    <definedName name="PL_ABC_60">#N/A</definedName>
    <definedName name="PL_ABC_61">#N/A</definedName>
    <definedName name="PL_ABC_62">#N/A</definedName>
    <definedName name="PL_ABC_63">#N/A</definedName>
    <definedName name="PL_ABC_64">#N/A</definedName>
    <definedName name="PL_ABC_65">#N/A</definedName>
    <definedName name="PL_ABC_66">#N/A</definedName>
    <definedName name="PL_ABC_67">#N/A</definedName>
    <definedName name="PL_ABC_68">#N/A</definedName>
    <definedName name="PL_ABC_69">#N/A</definedName>
    <definedName name="PL_ABC_7">#N/A</definedName>
    <definedName name="PL_ABC_70">#N/A</definedName>
    <definedName name="PL_ABC_71">#N/A</definedName>
    <definedName name="PL_ABC_72">#N/A</definedName>
    <definedName name="PL_ABC_73">#N/A</definedName>
    <definedName name="PL_ABC_74">#N/A</definedName>
    <definedName name="PL_ABC_75">#N/A</definedName>
    <definedName name="PL_ABC_76">#N/A</definedName>
    <definedName name="PL_ABC_77">#N/A</definedName>
    <definedName name="PL_ABC_78">#N/A</definedName>
    <definedName name="PL_ABC_79">#N/A</definedName>
    <definedName name="PL_ABC_8">#N/A</definedName>
    <definedName name="PL_ABC_80">#N/A</definedName>
    <definedName name="PL_ABC_81">#N/A</definedName>
    <definedName name="PL_ABC_82">#N/A</definedName>
    <definedName name="PL_ABC_83">#N/A</definedName>
    <definedName name="PL_ABC_84">#N/A</definedName>
    <definedName name="PL_ABC_85">#N/A</definedName>
    <definedName name="PL_ABC_86">#N/A</definedName>
    <definedName name="PL_ABC_87">#N/A</definedName>
    <definedName name="PL_ABC_88">#N/A</definedName>
    <definedName name="PL_ABC_9">#N/A</definedName>
    <definedName name="PL_ABC_92">#N/A</definedName>
    <definedName name="PL_ABC_95">#N/A</definedName>
    <definedName name="PL_ABC_96">#N/A</definedName>
    <definedName name="PL_ABC_97">#N/A</definedName>
    <definedName name="plan275">#N/A</definedName>
    <definedName name="plan275_10">#N/A</definedName>
    <definedName name="plan275_11">#N/A</definedName>
    <definedName name="plan275_12">#N/A</definedName>
    <definedName name="plan275_13">#N/A</definedName>
    <definedName name="plan275_14">#N/A</definedName>
    <definedName name="plan275_15">#N/A</definedName>
    <definedName name="plan275_16">#N/A</definedName>
    <definedName name="plan275_17">#N/A</definedName>
    <definedName name="plan275_18">#N/A</definedName>
    <definedName name="plan275_19">#N/A</definedName>
    <definedName name="plan275_20">#N/A</definedName>
    <definedName name="plan275_21" localSheetId="2">#REF!</definedName>
    <definedName name="plan275_21">#REF!</definedName>
    <definedName name="plan275_22">#N/A</definedName>
    <definedName name="plan275_23">#N/A</definedName>
    <definedName name="plan275_24">#N/A</definedName>
    <definedName name="plan275_25">#N/A</definedName>
    <definedName name="plan275_26">#N/A</definedName>
    <definedName name="plan275_27">#N/A</definedName>
    <definedName name="plan275_28">#N/A</definedName>
    <definedName name="plan275_29">#N/A</definedName>
    <definedName name="plan275_30">#N/A</definedName>
    <definedName name="plan275_31">#N/A</definedName>
    <definedName name="plan275_32">#N/A</definedName>
    <definedName name="plan275_33">#N/A</definedName>
    <definedName name="plan275_34">#N/A</definedName>
    <definedName name="plan275_35">#N/A</definedName>
    <definedName name="plan275_36">#N/A</definedName>
    <definedName name="plan275_37">#N/A</definedName>
    <definedName name="plan275_38">#N/A</definedName>
    <definedName name="plan275_39">#N/A</definedName>
    <definedName name="plan275_40">#N/A</definedName>
    <definedName name="plan275_41">#N/A</definedName>
    <definedName name="plan275_42">#N/A</definedName>
    <definedName name="plan275_43">#N/A</definedName>
    <definedName name="plan275_44">#N/A</definedName>
    <definedName name="plan275_45">#N/A</definedName>
    <definedName name="plan275_46">#N/A</definedName>
    <definedName name="plan275_47">#N/A</definedName>
    <definedName name="plan275_48">#N/A</definedName>
    <definedName name="plan275_49">#N/A</definedName>
    <definedName name="plan275_5">#N/A</definedName>
    <definedName name="plan275_50">#N/A</definedName>
    <definedName name="plan275_51">#N/A</definedName>
    <definedName name="plan275_52">#N/A</definedName>
    <definedName name="plan275_53">#N/A</definedName>
    <definedName name="plan275_54">#N/A</definedName>
    <definedName name="plan275_55">#N/A</definedName>
    <definedName name="plan275_56">#N/A</definedName>
    <definedName name="plan275_57">#N/A</definedName>
    <definedName name="plan275_58">#N/A</definedName>
    <definedName name="plan275_6">#N/A</definedName>
    <definedName name="plan275_60">#N/A</definedName>
    <definedName name="plan275_61">#N/A</definedName>
    <definedName name="plan275_62">#N/A</definedName>
    <definedName name="plan275_63">#N/A</definedName>
    <definedName name="plan275_64">#N/A</definedName>
    <definedName name="plan275_65">#N/A</definedName>
    <definedName name="plan275_66">#N/A</definedName>
    <definedName name="plan275_67">#N/A</definedName>
    <definedName name="plan275_68">#N/A</definedName>
    <definedName name="plan275_69">#N/A</definedName>
    <definedName name="plan275_7">#N/A</definedName>
    <definedName name="plan275_70">#N/A</definedName>
    <definedName name="plan275_71">#N/A</definedName>
    <definedName name="plan275_72">#N/A</definedName>
    <definedName name="plan275_73">#N/A</definedName>
    <definedName name="plan275_74">#N/A</definedName>
    <definedName name="plan275_75">#N/A</definedName>
    <definedName name="plan275_76">#N/A</definedName>
    <definedName name="plan275_77">#N/A</definedName>
    <definedName name="plan275_78">#N/A</definedName>
    <definedName name="plan275_79">#N/A</definedName>
    <definedName name="plan275_8">#N/A</definedName>
    <definedName name="plan275_80">#N/A</definedName>
    <definedName name="plan275_81">#N/A</definedName>
    <definedName name="plan275_82">#N/A</definedName>
    <definedName name="plan275_83">#N/A</definedName>
    <definedName name="plan275_85">#N/A</definedName>
    <definedName name="plan275_86">#N/A</definedName>
    <definedName name="plan275_87">#N/A</definedName>
    <definedName name="plan275_88">#N/A</definedName>
    <definedName name="plan275_9">#N/A</definedName>
    <definedName name="plan275_92">#N/A</definedName>
    <definedName name="planilha">#N/A</definedName>
    <definedName name="planilha_10">#N/A</definedName>
    <definedName name="planilha_11">#N/A</definedName>
    <definedName name="planilha_12">#N/A</definedName>
    <definedName name="planilha_13">#N/A</definedName>
    <definedName name="planilha_14">#N/A</definedName>
    <definedName name="planilha_15">#N/A</definedName>
    <definedName name="planilha_16">#N/A</definedName>
    <definedName name="planilha_17">#N/A</definedName>
    <definedName name="planilha_18">#N/A</definedName>
    <definedName name="planilha_19">#N/A</definedName>
    <definedName name="planilha_20">#N/A</definedName>
    <definedName name="planilha_21" localSheetId="2">#REF!</definedName>
    <definedName name="planilha_21">#REF!</definedName>
    <definedName name="planilha_22">#N/A</definedName>
    <definedName name="planilha_23">#N/A</definedName>
    <definedName name="planilha_24">#N/A</definedName>
    <definedName name="planilha_25">#N/A</definedName>
    <definedName name="planilha_26">#N/A</definedName>
    <definedName name="planilha_27">#N/A</definedName>
    <definedName name="planilha_28">#N/A</definedName>
    <definedName name="planilha_29">#N/A</definedName>
    <definedName name="planilha_30">#N/A</definedName>
    <definedName name="planilha_31">#N/A</definedName>
    <definedName name="planilha_32">#N/A</definedName>
    <definedName name="planilha_33">#N/A</definedName>
    <definedName name="planilha_34">#N/A</definedName>
    <definedName name="planilha_35">#N/A</definedName>
    <definedName name="planilha_36">#N/A</definedName>
    <definedName name="planilha_37">#N/A</definedName>
    <definedName name="planilha_38">#N/A</definedName>
    <definedName name="planilha_39">#N/A</definedName>
    <definedName name="planilha_40">#N/A</definedName>
    <definedName name="planilha_41">#N/A</definedName>
    <definedName name="planilha_42">#N/A</definedName>
    <definedName name="planilha_43">#N/A</definedName>
    <definedName name="planilha_44">#N/A</definedName>
    <definedName name="planilha_45">#N/A</definedName>
    <definedName name="planilha_46">#N/A</definedName>
    <definedName name="planilha_47">#N/A</definedName>
    <definedName name="planilha_48">#N/A</definedName>
    <definedName name="planilha_49">#N/A</definedName>
    <definedName name="planilha_5">#N/A</definedName>
    <definedName name="planilha_50">#N/A</definedName>
    <definedName name="planilha_51">#N/A</definedName>
    <definedName name="planilha_52">#N/A</definedName>
    <definedName name="planilha_53">#N/A</definedName>
    <definedName name="planilha_54">#N/A</definedName>
    <definedName name="planilha_55">#N/A</definedName>
    <definedName name="planilha_56">#N/A</definedName>
    <definedName name="planilha_57">#N/A</definedName>
    <definedName name="planilha_58">#N/A</definedName>
    <definedName name="planilha_6">#N/A</definedName>
    <definedName name="planilha_60">#N/A</definedName>
    <definedName name="planilha_61">#N/A</definedName>
    <definedName name="planilha_62">#N/A</definedName>
    <definedName name="planilha_63">#N/A</definedName>
    <definedName name="planilha_64">#N/A</definedName>
    <definedName name="planilha_65">#N/A</definedName>
    <definedName name="planilha_66">#N/A</definedName>
    <definedName name="planilha_67">#N/A</definedName>
    <definedName name="planilha_68">#N/A</definedName>
    <definedName name="planilha_69">#N/A</definedName>
    <definedName name="planilha_7">#N/A</definedName>
    <definedName name="planilha_70">#N/A</definedName>
    <definedName name="planilha_71">#N/A</definedName>
    <definedName name="planilha_72">#N/A</definedName>
    <definedName name="planilha_73">#N/A</definedName>
    <definedName name="planilha_74">#N/A</definedName>
    <definedName name="planilha_75">#N/A</definedName>
    <definedName name="planilha_76">#N/A</definedName>
    <definedName name="planilha_77">#N/A</definedName>
    <definedName name="planilha_78">#N/A</definedName>
    <definedName name="planilha_79">#N/A</definedName>
    <definedName name="planilha_8">#N/A</definedName>
    <definedName name="planilha_80">#N/A</definedName>
    <definedName name="planilha_81">#N/A</definedName>
    <definedName name="planilha_82">#N/A</definedName>
    <definedName name="planilha_83">#N/A</definedName>
    <definedName name="planilha_85">#N/A</definedName>
    <definedName name="planilha_86">#N/A</definedName>
    <definedName name="planilha_87">#N/A</definedName>
    <definedName name="planilha_88">#N/A</definedName>
    <definedName name="planilha_9">#N/A</definedName>
    <definedName name="planilha_92">#N/A</definedName>
    <definedName name="plano" localSheetId="2">#REF!</definedName>
    <definedName name="plano">#REF!</definedName>
    <definedName name="ppt_pistas_e_patios">#N/A</definedName>
    <definedName name="ppt_pistas_e_patios_10">#N/A</definedName>
    <definedName name="ppt_pistas_e_patios_11">#N/A</definedName>
    <definedName name="ppt_pistas_e_patios_12">#N/A</definedName>
    <definedName name="ppt_pistas_e_patios_13">#N/A</definedName>
    <definedName name="ppt_pistas_e_patios_14">#N/A</definedName>
    <definedName name="ppt_pistas_e_patios_15">#N/A</definedName>
    <definedName name="ppt_pistas_e_patios_16">#N/A</definedName>
    <definedName name="ppt_pistas_e_patios_17">#N/A</definedName>
    <definedName name="ppt_pistas_e_patios_18">#N/A</definedName>
    <definedName name="ppt_pistas_e_patios_19">#N/A</definedName>
    <definedName name="ppt_pistas_e_patios_20">#N/A</definedName>
    <definedName name="ppt_pistas_e_patios_21" localSheetId="2">#REF!</definedName>
    <definedName name="ppt_pistas_e_patios_21">#REF!</definedName>
    <definedName name="ppt_pistas_e_patios_22">#N/A</definedName>
    <definedName name="ppt_pistas_e_patios_23">#N/A</definedName>
    <definedName name="ppt_pistas_e_patios_24">#N/A</definedName>
    <definedName name="ppt_pistas_e_patios_25">#N/A</definedName>
    <definedName name="ppt_pistas_e_patios_26">#N/A</definedName>
    <definedName name="ppt_pistas_e_patios_27">#N/A</definedName>
    <definedName name="ppt_pistas_e_patios_28">#N/A</definedName>
    <definedName name="ppt_pistas_e_patios_29">#N/A</definedName>
    <definedName name="ppt_pistas_e_patios_30">#N/A</definedName>
    <definedName name="ppt_pistas_e_patios_31">#N/A</definedName>
    <definedName name="ppt_pistas_e_patios_32">#N/A</definedName>
    <definedName name="ppt_pistas_e_patios_33">#N/A</definedName>
    <definedName name="ppt_pistas_e_patios_34">#N/A</definedName>
    <definedName name="ppt_pistas_e_patios_35">#N/A</definedName>
    <definedName name="ppt_pistas_e_patios_36">#N/A</definedName>
    <definedName name="ppt_pistas_e_patios_37">#N/A</definedName>
    <definedName name="ppt_pistas_e_patios_38">#N/A</definedName>
    <definedName name="ppt_pistas_e_patios_39">#N/A</definedName>
    <definedName name="ppt_pistas_e_patios_40">#N/A</definedName>
    <definedName name="ppt_pistas_e_patios_41">#N/A</definedName>
    <definedName name="ppt_pistas_e_patios_42">#N/A</definedName>
    <definedName name="ppt_pistas_e_patios_43">#N/A</definedName>
    <definedName name="ppt_pistas_e_patios_44">#N/A</definedName>
    <definedName name="ppt_pistas_e_patios_45">#N/A</definedName>
    <definedName name="ppt_pistas_e_patios_46">#N/A</definedName>
    <definedName name="ppt_pistas_e_patios_47">#N/A</definedName>
    <definedName name="ppt_pistas_e_patios_48">#N/A</definedName>
    <definedName name="ppt_pistas_e_patios_49">#N/A</definedName>
    <definedName name="ppt_pistas_e_patios_5">#N/A</definedName>
    <definedName name="ppt_pistas_e_patios_50">#N/A</definedName>
    <definedName name="ppt_pistas_e_patios_51">#N/A</definedName>
    <definedName name="ppt_pistas_e_patios_52">#N/A</definedName>
    <definedName name="ppt_pistas_e_patios_53">#N/A</definedName>
    <definedName name="ppt_pistas_e_patios_54">#N/A</definedName>
    <definedName name="ppt_pistas_e_patios_55">#N/A</definedName>
    <definedName name="ppt_pistas_e_patios_56">#N/A</definedName>
    <definedName name="ppt_pistas_e_patios_57">#N/A</definedName>
    <definedName name="ppt_pistas_e_patios_58">#N/A</definedName>
    <definedName name="ppt_pistas_e_patios_6">#N/A</definedName>
    <definedName name="ppt_pistas_e_patios_60">#N/A</definedName>
    <definedName name="ppt_pistas_e_patios_61">#N/A</definedName>
    <definedName name="ppt_pistas_e_patios_62">#N/A</definedName>
    <definedName name="ppt_pistas_e_patios_63">#N/A</definedName>
    <definedName name="ppt_pistas_e_patios_64">#N/A</definedName>
    <definedName name="ppt_pistas_e_patios_65">#N/A</definedName>
    <definedName name="ppt_pistas_e_patios_66">#N/A</definedName>
    <definedName name="ppt_pistas_e_patios_67">#N/A</definedName>
    <definedName name="ppt_pistas_e_patios_68">#N/A</definedName>
    <definedName name="ppt_pistas_e_patios_69">#N/A</definedName>
    <definedName name="ppt_pistas_e_patios_7">#N/A</definedName>
    <definedName name="ppt_pistas_e_patios_70">#N/A</definedName>
    <definedName name="ppt_pistas_e_patios_71">#N/A</definedName>
    <definedName name="ppt_pistas_e_patios_72">#N/A</definedName>
    <definedName name="ppt_pistas_e_patios_73">#N/A</definedName>
    <definedName name="ppt_pistas_e_patios_74">#N/A</definedName>
    <definedName name="ppt_pistas_e_patios_75">#N/A</definedName>
    <definedName name="ppt_pistas_e_patios_76">#N/A</definedName>
    <definedName name="ppt_pistas_e_patios_77">#N/A</definedName>
    <definedName name="ppt_pistas_e_patios_78">#N/A</definedName>
    <definedName name="ppt_pistas_e_patios_79">#N/A</definedName>
    <definedName name="ppt_pistas_e_patios_8">#N/A</definedName>
    <definedName name="ppt_pistas_e_patios_80">#N/A</definedName>
    <definedName name="ppt_pistas_e_patios_81">#N/A</definedName>
    <definedName name="ppt_pistas_e_patios_82">#N/A</definedName>
    <definedName name="ppt_pistas_e_patios_83">#N/A</definedName>
    <definedName name="ppt_pistas_e_patios_85">#N/A</definedName>
    <definedName name="ppt_pistas_e_patios_86">#N/A</definedName>
    <definedName name="ppt_pistas_e_patios_87">#N/A</definedName>
    <definedName name="ppt_pistas_e_patios_88">#N/A</definedName>
    <definedName name="ppt_pistas_e_patios_9">#N/A</definedName>
    <definedName name="ppt_pistas_e_patios_92">#N/A</definedName>
    <definedName name="PRE010201_36" localSheetId="2">#REF!</definedName>
    <definedName name="PRE010201_36">#REF!</definedName>
    <definedName name="PRE010202_36" localSheetId="2">#REF!</definedName>
    <definedName name="PRE010202_36">#REF!</definedName>
    <definedName name="PRE010205_36" localSheetId="2">#REF!</definedName>
    <definedName name="PRE010205_36">#REF!</definedName>
    <definedName name="PRE010206_36" localSheetId="2">#REF!</definedName>
    <definedName name="PRE010206_36">#REF!</definedName>
    <definedName name="PRE010210_36" localSheetId="2">#REF!</definedName>
    <definedName name="PRE010210_36">#REF!</definedName>
    <definedName name="PRE010301_36" localSheetId="2">#REF!</definedName>
    <definedName name="PRE010301_36">#REF!</definedName>
    <definedName name="PRE010401_36" localSheetId="2">#REF!</definedName>
    <definedName name="PRE010401_36">#REF!</definedName>
    <definedName name="PRE010402_36" localSheetId="2">#REF!</definedName>
    <definedName name="PRE010402_36">#REF!</definedName>
    <definedName name="PRE010407_36" localSheetId="2">#REF!</definedName>
    <definedName name="PRE010407_36">#REF!</definedName>
    <definedName name="PRE010413_36" localSheetId="2">#REF!</definedName>
    <definedName name="PRE010413_36">#REF!</definedName>
    <definedName name="PRE010501_36" localSheetId="2">#REF!</definedName>
    <definedName name="PRE010501_36">#REF!</definedName>
    <definedName name="PRE010503_36" localSheetId="2">#REF!</definedName>
    <definedName name="PRE010503_36">#REF!</definedName>
    <definedName name="PRE010505_36" localSheetId="2">#REF!</definedName>
    <definedName name="PRE010505_36">#REF!</definedName>
    <definedName name="PRE010509_36" localSheetId="2">#REF!</definedName>
    <definedName name="PRE010509_36">#REF!</definedName>
    <definedName name="PRE010512_36" localSheetId="2">#REF!</definedName>
    <definedName name="PRE010512_36">#REF!</definedName>
    <definedName name="PRE010518_36" localSheetId="2">#REF!</definedName>
    <definedName name="PRE010518_36">#REF!</definedName>
    <definedName name="PRE010519_36" localSheetId="2">#REF!</definedName>
    <definedName name="PRE010519_36">#REF!</definedName>
    <definedName name="PRE010521_36" localSheetId="2">#REF!</definedName>
    <definedName name="PRE010521_36">#REF!</definedName>
    <definedName name="PRE010523_36" localSheetId="2">#REF!</definedName>
    <definedName name="PRE010523_36">#REF!</definedName>
    <definedName name="PRE010532_36" localSheetId="2">#REF!</definedName>
    <definedName name="PRE010532_36">#REF!</definedName>
    <definedName name="PRE010533_36" localSheetId="2">#REF!</definedName>
    <definedName name="PRE010533_36">#REF!</definedName>
    <definedName name="PRE010536_36" localSheetId="2">#REF!</definedName>
    <definedName name="PRE010536_36">#REF!</definedName>
    <definedName name="PRE010701_36" localSheetId="2">#REF!</definedName>
    <definedName name="PRE010701_36">#REF!</definedName>
    <definedName name="PRE010703_36" localSheetId="2">#REF!</definedName>
    <definedName name="PRE010703_36">#REF!</definedName>
    <definedName name="PRE010705_36" localSheetId="2">#REF!</definedName>
    <definedName name="PRE010705_36">#REF!</definedName>
    <definedName name="PRE010708_36" localSheetId="2">#REF!</definedName>
    <definedName name="PRE010708_36">#REF!</definedName>
    <definedName name="PRE010710_36" localSheetId="2">#REF!</definedName>
    <definedName name="PRE010710_36">#REF!</definedName>
    <definedName name="PRE010712_36" localSheetId="2">#REF!</definedName>
    <definedName name="PRE010712_36">#REF!</definedName>
    <definedName name="PRE010717_36" localSheetId="2">#REF!</definedName>
    <definedName name="PRE010717_36">#REF!</definedName>
    <definedName name="PRE010718_36" localSheetId="2">#REF!</definedName>
    <definedName name="PRE010718_36">#REF!</definedName>
    <definedName name="PRE020201_36" localSheetId="2">#REF!</definedName>
    <definedName name="PRE020201_36">#REF!</definedName>
    <definedName name="PRE020205_36" localSheetId="2">#REF!</definedName>
    <definedName name="PRE020205_36">#REF!</definedName>
    <definedName name="PRE020211_36" localSheetId="2">#REF!</definedName>
    <definedName name="PRE020211_36">#REF!</definedName>
    <definedName name="PRE020217_36" localSheetId="2">#REF!</definedName>
    <definedName name="PRE020217_36">#REF!</definedName>
    <definedName name="PRE030102_36" localSheetId="2">#REF!</definedName>
    <definedName name="PRE030102_36">#REF!</definedName>
    <definedName name="PRE030201_36" localSheetId="2">#REF!</definedName>
    <definedName name="PRE030201_36">#REF!</definedName>
    <definedName name="PRE030303_36" localSheetId="2">#REF!</definedName>
    <definedName name="PRE030303_36">#REF!</definedName>
    <definedName name="PRE030317_36" localSheetId="2">#REF!</definedName>
    <definedName name="PRE030317_36">#REF!</definedName>
    <definedName name="PRE040101_36" localSheetId="2">#REF!</definedName>
    <definedName name="PRE040101_36">#REF!</definedName>
    <definedName name="PRE040202_36" localSheetId="2">#REF!</definedName>
    <definedName name="PRE040202_36">#REF!</definedName>
    <definedName name="PRE050103_36" localSheetId="2">#REF!</definedName>
    <definedName name="PRE050103_36">#REF!</definedName>
    <definedName name="PRE050207_36" localSheetId="2">#REF!</definedName>
    <definedName name="PRE050207_36">#REF!</definedName>
    <definedName name="PRE060101_36" localSheetId="2">#REF!</definedName>
    <definedName name="PRE060101_36">#REF!</definedName>
    <definedName name="PRE080101_36" localSheetId="2">#REF!</definedName>
    <definedName name="PRE080101_36">#REF!</definedName>
    <definedName name="PRE080310_36" localSheetId="2">#REF!</definedName>
    <definedName name="PRE080310_36">#REF!</definedName>
    <definedName name="PRE090101_36" localSheetId="2">#REF!</definedName>
    <definedName name="PRE090101_36">#REF!</definedName>
    <definedName name="PRE100302_36" localSheetId="2">#REF!</definedName>
    <definedName name="PRE100302_36">#REF!</definedName>
    <definedName name="PRE110101_36" localSheetId="2">#REF!</definedName>
    <definedName name="PRE110101_36">#REF!</definedName>
    <definedName name="PRE110104_36" localSheetId="2">#REF!</definedName>
    <definedName name="PRE110104_36">#REF!</definedName>
    <definedName name="PRE110107_36" localSheetId="2">#REF!</definedName>
    <definedName name="PRE110107_36">#REF!</definedName>
    <definedName name="PRE120101_36" localSheetId="2">#REF!</definedName>
    <definedName name="PRE120101_36">#REF!</definedName>
    <definedName name="PRE120105_36" localSheetId="2">#REF!</definedName>
    <definedName name="PRE120105_36">#REF!</definedName>
    <definedName name="PRE120106_36" localSheetId="2">#REF!</definedName>
    <definedName name="PRE120106_36">#REF!</definedName>
    <definedName name="PRE120107_36" localSheetId="2">#REF!</definedName>
    <definedName name="PRE120107_36">#REF!</definedName>
    <definedName name="PRE120110_36" localSheetId="2">#REF!</definedName>
    <definedName name="PRE120110_36">#REF!</definedName>
    <definedName name="PRE120150_36" localSheetId="2">#REF!</definedName>
    <definedName name="PRE120150_36">#REF!</definedName>
    <definedName name="PRE130101_36" localSheetId="2">#REF!</definedName>
    <definedName name="PRE130101_36">#REF!</definedName>
    <definedName name="PRE130103_36" localSheetId="2">#REF!</definedName>
    <definedName name="PRE130103_36">#REF!</definedName>
    <definedName name="PRE130304_36" localSheetId="2">#REF!</definedName>
    <definedName name="PRE130304_36">#REF!</definedName>
    <definedName name="PRE130401_36" localSheetId="2">#REF!</definedName>
    <definedName name="PRE130401_36">#REF!</definedName>
    <definedName name="PRE140102_36" localSheetId="2">#REF!</definedName>
    <definedName name="PRE140102_36">#REF!</definedName>
    <definedName name="PRE140109_36" localSheetId="2">#REF!</definedName>
    <definedName name="PRE140109_36">#REF!</definedName>
    <definedName name="PRE140113_36" localSheetId="2">#REF!</definedName>
    <definedName name="PRE140113_36">#REF!</definedName>
    <definedName name="PRE140122_36" localSheetId="2">#REF!</definedName>
    <definedName name="PRE140122_36">#REF!</definedName>
    <definedName name="PRE140126_36" localSheetId="2">#REF!</definedName>
    <definedName name="PRE140126_36">#REF!</definedName>
    <definedName name="PRE140129_36" localSheetId="2">#REF!</definedName>
    <definedName name="PRE140129_36">#REF!</definedName>
    <definedName name="PRE140135_36" localSheetId="2">#REF!</definedName>
    <definedName name="PRE140135_36">#REF!</definedName>
    <definedName name="PRE140143_36" localSheetId="2">#REF!</definedName>
    <definedName name="PRE140143_36">#REF!</definedName>
    <definedName name="PRE140145_36" localSheetId="2">#REF!</definedName>
    <definedName name="PRE140145_36">#REF!</definedName>
    <definedName name="PRE150130_36" localSheetId="2">#REF!</definedName>
    <definedName name="PRE150130_36">#REF!</definedName>
    <definedName name="PRE170101_36" localSheetId="2">#REF!</definedName>
    <definedName name="PRE170101_36">#REF!</definedName>
    <definedName name="PRE170102_36" localSheetId="2">#REF!</definedName>
    <definedName name="PRE170102_36">#REF!</definedName>
    <definedName name="PRE170103_36" localSheetId="2">#REF!</definedName>
    <definedName name="PRE170103_36">#REF!</definedName>
    <definedName name="PROPOSTA">[0]!PROPOSTA</definedName>
    <definedName name="Q" localSheetId="2">#REF!</definedName>
    <definedName name="Q">#REF!</definedName>
    <definedName name="QUA010201_36" localSheetId="2">#REF!</definedName>
    <definedName name="QUA010201_36">#REF!</definedName>
    <definedName name="QUA010202_36" localSheetId="2">#REF!</definedName>
    <definedName name="QUA010202_36">#REF!</definedName>
    <definedName name="QUA010205_36" localSheetId="2">#REF!</definedName>
    <definedName name="QUA010205_36">#REF!</definedName>
    <definedName name="QUA010206_36" localSheetId="2">#REF!</definedName>
    <definedName name="QUA010206_36">#REF!</definedName>
    <definedName name="QUA010210_36" localSheetId="2">#REF!</definedName>
    <definedName name="QUA010210_36">#REF!</definedName>
    <definedName name="QUA010301_36" localSheetId="2">#REF!</definedName>
    <definedName name="QUA010301_36">#REF!</definedName>
    <definedName name="QUA010401_36" localSheetId="2">#REF!</definedName>
    <definedName name="QUA010401_36">#REF!</definedName>
    <definedName name="QUA010402_36" localSheetId="2">#REF!</definedName>
    <definedName name="QUA010402_36">#REF!</definedName>
    <definedName name="QUA010407_36" localSheetId="2">#REF!</definedName>
    <definedName name="QUA010407_36">#REF!</definedName>
    <definedName name="QUA010413_36" localSheetId="2">#REF!</definedName>
    <definedName name="QUA010413_36">#REF!</definedName>
    <definedName name="QUA010501_36" localSheetId="2">#REF!</definedName>
    <definedName name="QUA010501_36">#REF!</definedName>
    <definedName name="QUA010503_36" localSheetId="2">#REF!</definedName>
    <definedName name="QUA010503_36">#REF!</definedName>
    <definedName name="QUA010505_36" localSheetId="2">#REF!</definedName>
    <definedName name="QUA010505_36">#REF!</definedName>
    <definedName name="QUA010509_36" localSheetId="2">#REF!</definedName>
    <definedName name="QUA010509_36">#REF!</definedName>
    <definedName name="QUA010512_36" localSheetId="2">#REF!</definedName>
    <definedName name="QUA010512_36">#REF!</definedName>
    <definedName name="QUA010518_36" localSheetId="2">#REF!</definedName>
    <definedName name="QUA010518_36">#REF!</definedName>
    <definedName name="QUA010519_36" localSheetId="2">#REF!</definedName>
    <definedName name="QUA010519_36">#REF!</definedName>
    <definedName name="QUA010521_36" localSheetId="2">#REF!</definedName>
    <definedName name="QUA010521_36">#REF!</definedName>
    <definedName name="QUA010523_36" localSheetId="2">#REF!</definedName>
    <definedName name="QUA010523_36">#REF!</definedName>
    <definedName name="QUA010532_36" localSheetId="2">#REF!</definedName>
    <definedName name="QUA010532_36">#REF!</definedName>
    <definedName name="QUA010533_36" localSheetId="2">#REF!</definedName>
    <definedName name="QUA010533_36">#REF!</definedName>
    <definedName name="QUA010536_36" localSheetId="2">#REF!</definedName>
    <definedName name="QUA010536_36">#REF!</definedName>
    <definedName name="QUA010701_36" localSheetId="2">#REF!</definedName>
    <definedName name="QUA010701_36">#REF!</definedName>
    <definedName name="QUA010703_36" localSheetId="2">#REF!</definedName>
    <definedName name="QUA010703_36">#REF!</definedName>
    <definedName name="QUA010705_36" localSheetId="2">#REF!</definedName>
    <definedName name="QUA010705_36">#REF!</definedName>
    <definedName name="QUA010708_36" localSheetId="2">#REF!</definedName>
    <definedName name="QUA010708_36">#REF!</definedName>
    <definedName name="QUA010710_36" localSheetId="2">#REF!</definedName>
    <definedName name="QUA010710_36">#REF!</definedName>
    <definedName name="QUA010712_36" localSheetId="2">#REF!</definedName>
    <definedName name="QUA010712_36">#REF!</definedName>
    <definedName name="QUA010717_36" localSheetId="2">#REF!</definedName>
    <definedName name="QUA010717_36">#REF!</definedName>
    <definedName name="QUA010718_36" localSheetId="2">#REF!</definedName>
    <definedName name="QUA010718_36">#REF!</definedName>
    <definedName name="QUA020201_36" localSheetId="2">#REF!</definedName>
    <definedName name="QUA020201_36">#REF!</definedName>
    <definedName name="QUA020205_36" localSheetId="2">#REF!</definedName>
    <definedName name="QUA020205_36">#REF!</definedName>
    <definedName name="QUA020211_36" localSheetId="2">#REF!</definedName>
    <definedName name="QUA020211_36">#REF!</definedName>
    <definedName name="QUA020217_36" localSheetId="2">#REF!</definedName>
    <definedName name="QUA020217_36">#REF!</definedName>
    <definedName name="QUA030102_36" localSheetId="2">#REF!</definedName>
    <definedName name="QUA030102_36">#REF!</definedName>
    <definedName name="QUA030201_36" localSheetId="2">#REF!</definedName>
    <definedName name="QUA030201_36">#REF!</definedName>
    <definedName name="QUA030303_36" localSheetId="2">#REF!</definedName>
    <definedName name="QUA030303_36">#REF!</definedName>
    <definedName name="QUA030317_36" localSheetId="2">#REF!</definedName>
    <definedName name="QUA030317_36">#REF!</definedName>
    <definedName name="QUA040101_36" localSheetId="2">#REF!</definedName>
    <definedName name="QUA040101_36">#REF!</definedName>
    <definedName name="QUA040202_36" localSheetId="2">#REF!</definedName>
    <definedName name="QUA040202_36">#REF!</definedName>
    <definedName name="QUA050103_36" localSheetId="2">#REF!</definedName>
    <definedName name="QUA050103_36">#REF!</definedName>
    <definedName name="QUA050207_36" localSheetId="2">#REF!</definedName>
    <definedName name="QUA050207_36">#REF!</definedName>
    <definedName name="QUA060101_36" localSheetId="2">#REF!</definedName>
    <definedName name="QUA060101_36">#REF!</definedName>
    <definedName name="QUA080101_36" localSheetId="2">#REF!</definedName>
    <definedName name="QUA080101_36">#REF!</definedName>
    <definedName name="QUA080310_36" localSheetId="2">#REF!</definedName>
    <definedName name="QUA080310_36">#REF!</definedName>
    <definedName name="QUA090101_36" localSheetId="2">#REF!</definedName>
    <definedName name="QUA090101_36">#REF!</definedName>
    <definedName name="QUA100302_36" localSheetId="2">#REF!</definedName>
    <definedName name="QUA100302_36">#REF!</definedName>
    <definedName name="QUA110101_36" localSheetId="2">#REF!</definedName>
    <definedName name="QUA110101_36">#REF!</definedName>
    <definedName name="QUA110104_36" localSheetId="2">#REF!</definedName>
    <definedName name="QUA110104_36">#REF!</definedName>
    <definedName name="QUA110107_36" localSheetId="2">#REF!</definedName>
    <definedName name="QUA110107_36">#REF!</definedName>
    <definedName name="QUA120101_36" localSheetId="2">#REF!</definedName>
    <definedName name="QUA120101_36">#REF!</definedName>
    <definedName name="QUA120105_36" localSheetId="2">#REF!</definedName>
    <definedName name="QUA120105_36">#REF!</definedName>
    <definedName name="QUA120106_36" localSheetId="2">#REF!</definedName>
    <definedName name="QUA120106_36">#REF!</definedName>
    <definedName name="QUA120107_36" localSheetId="2">#REF!</definedName>
    <definedName name="QUA120107_36">#REF!</definedName>
    <definedName name="QUA120110_36" localSheetId="2">#REF!</definedName>
    <definedName name="QUA120110_36">#REF!</definedName>
    <definedName name="QUA120150_36" localSheetId="2">#REF!</definedName>
    <definedName name="QUA120150_36">#REF!</definedName>
    <definedName name="QUA130101_36" localSheetId="2">#REF!</definedName>
    <definedName name="QUA130101_36">#REF!</definedName>
    <definedName name="QUA130103_36" localSheetId="2">#REF!</definedName>
    <definedName name="QUA130103_36">#REF!</definedName>
    <definedName name="QUA130304_36" localSheetId="2">#REF!</definedName>
    <definedName name="QUA130304_36">#REF!</definedName>
    <definedName name="QUA130401_36" localSheetId="2">#REF!</definedName>
    <definedName name="QUA130401_36">#REF!</definedName>
    <definedName name="QUA140102_36" localSheetId="2">#REF!</definedName>
    <definedName name="QUA140102_36">#REF!</definedName>
    <definedName name="QUA140109_36" localSheetId="2">#REF!</definedName>
    <definedName name="QUA140109_36">#REF!</definedName>
    <definedName name="QUA140113_36" localSheetId="2">#REF!</definedName>
    <definedName name="QUA140113_36">#REF!</definedName>
    <definedName name="QUA140122_36" localSheetId="2">#REF!</definedName>
    <definedName name="QUA140122_36">#REF!</definedName>
    <definedName name="QUA140126_36" localSheetId="2">#REF!</definedName>
    <definedName name="QUA140126_36">#REF!</definedName>
    <definedName name="QUA140129_36" localSheetId="2">#REF!</definedName>
    <definedName name="QUA140129_36">#REF!</definedName>
    <definedName name="QUA140135_36" localSheetId="2">#REF!</definedName>
    <definedName name="QUA140135_36">#REF!</definedName>
    <definedName name="QUA140143_36" localSheetId="2">#REF!</definedName>
    <definedName name="QUA140143_36">#REF!</definedName>
    <definedName name="QUA140145_36" localSheetId="2">#REF!</definedName>
    <definedName name="QUA140145_36">#REF!</definedName>
    <definedName name="QUA150130_36" localSheetId="2">#REF!</definedName>
    <definedName name="QUA150130_36">#REF!</definedName>
    <definedName name="QUA170101_36" localSheetId="2">#REF!</definedName>
    <definedName name="QUA170101_36">#REF!</definedName>
    <definedName name="QUA170102_36" localSheetId="2">#REF!</definedName>
    <definedName name="QUA170102_36">#REF!</definedName>
    <definedName name="QUA170103_36" localSheetId="2">#REF!</definedName>
    <definedName name="QUA170103_36">#REF!</definedName>
    <definedName name="QUANT_acumu" localSheetId="2">#REF!</definedName>
    <definedName name="QUANT_acumu">#REF!</definedName>
    <definedName name="rea" localSheetId="2">#REF!</definedName>
    <definedName name="rea">#REF!</definedName>
    <definedName name="REC11100_36" localSheetId="2">#REF!</definedName>
    <definedName name="REC11100_36">#REF!</definedName>
    <definedName name="REC11110_36" localSheetId="2">#REF!</definedName>
    <definedName name="REC11110_36">#REF!</definedName>
    <definedName name="REC11115_36" localSheetId="2">#REF!</definedName>
    <definedName name="REC11115_36">#REF!</definedName>
    <definedName name="REC11125_36" localSheetId="2">#REF!</definedName>
    <definedName name="REC11125_36">#REF!</definedName>
    <definedName name="REC11130_36" localSheetId="2">#REF!</definedName>
    <definedName name="REC11130_36">#REF!</definedName>
    <definedName name="REC11135_36" localSheetId="2">#REF!</definedName>
    <definedName name="REC11135_36">#REF!</definedName>
    <definedName name="REC11145_36" localSheetId="2">#REF!</definedName>
    <definedName name="REC11145_36">#REF!</definedName>
    <definedName name="REC11150_36" localSheetId="2">#REF!</definedName>
    <definedName name="REC11150_36">#REF!</definedName>
    <definedName name="REC11165_36" localSheetId="2">#REF!</definedName>
    <definedName name="REC11165_36">#REF!</definedName>
    <definedName name="REC11170_36" localSheetId="2">#REF!</definedName>
    <definedName name="REC11170_36">#REF!</definedName>
    <definedName name="REC11180_36" localSheetId="2">#REF!</definedName>
    <definedName name="REC11180_36">#REF!</definedName>
    <definedName name="REC11185_36" localSheetId="2">#REF!</definedName>
    <definedName name="REC11185_36">#REF!</definedName>
    <definedName name="REC11220_36" localSheetId="2">#REF!</definedName>
    <definedName name="REC11220_36">#REF!</definedName>
    <definedName name="REC12105_36" localSheetId="2">#REF!</definedName>
    <definedName name="REC12105_36">#REF!</definedName>
    <definedName name="REC12555_36" localSheetId="2">#REF!</definedName>
    <definedName name="REC12555_36">#REF!</definedName>
    <definedName name="REC12570_36" localSheetId="2">#REF!</definedName>
    <definedName name="REC12570_36">#REF!</definedName>
    <definedName name="REC12575_36" localSheetId="2">#REF!</definedName>
    <definedName name="REC12575_36">#REF!</definedName>
    <definedName name="REC12580_36" localSheetId="2">#REF!</definedName>
    <definedName name="REC12580_36">#REF!</definedName>
    <definedName name="REC12600_36" localSheetId="2">#REF!</definedName>
    <definedName name="REC12600_36">#REF!</definedName>
    <definedName name="REC12610_36" localSheetId="2">#REF!</definedName>
    <definedName name="REC12610_36">#REF!</definedName>
    <definedName name="REC12630_36" localSheetId="2">#REF!</definedName>
    <definedName name="REC12630_36">#REF!</definedName>
    <definedName name="REC12631_36" localSheetId="2">#REF!</definedName>
    <definedName name="REC12631_36">#REF!</definedName>
    <definedName name="REC12640_36" localSheetId="2">#REF!</definedName>
    <definedName name="REC12640_36">#REF!</definedName>
    <definedName name="REC12645_36" localSheetId="2">#REF!</definedName>
    <definedName name="REC12645_36">#REF!</definedName>
    <definedName name="REC12665_36" localSheetId="2">#REF!</definedName>
    <definedName name="REC12665_36">#REF!</definedName>
    <definedName name="REC12690_36" localSheetId="2">#REF!</definedName>
    <definedName name="REC12690_36">#REF!</definedName>
    <definedName name="REC12700_36" localSheetId="2">#REF!</definedName>
    <definedName name="REC12700_36">#REF!</definedName>
    <definedName name="REC12710_36" localSheetId="2">#REF!</definedName>
    <definedName name="REC12710_36">#REF!</definedName>
    <definedName name="REC13111_36" localSheetId="2">#REF!</definedName>
    <definedName name="REC13111_36">#REF!</definedName>
    <definedName name="REC13112_36" localSheetId="2">#REF!</definedName>
    <definedName name="REC13112_36">#REF!</definedName>
    <definedName name="REC13121_36" localSheetId="2">#REF!</definedName>
    <definedName name="REC13121_36">#REF!</definedName>
    <definedName name="REC13720_36" localSheetId="2">#REF!</definedName>
    <definedName name="REC13720_36">#REF!</definedName>
    <definedName name="REC14100_36" localSheetId="2">#REF!</definedName>
    <definedName name="REC14100_36">#REF!</definedName>
    <definedName name="REC14161_36" localSheetId="2">#REF!</definedName>
    <definedName name="REC14161_36">#REF!</definedName>
    <definedName name="REC14195_36" localSheetId="2">#REF!</definedName>
    <definedName name="REC14195_36">#REF!</definedName>
    <definedName name="REC14205_36" localSheetId="2">#REF!</definedName>
    <definedName name="REC14205_36">#REF!</definedName>
    <definedName name="REC14260_36" localSheetId="2">#REF!</definedName>
    <definedName name="REC14260_36">#REF!</definedName>
    <definedName name="REC14500_36" localSheetId="2">#REF!</definedName>
    <definedName name="REC14500_36">#REF!</definedName>
    <definedName name="REC14515_36" localSheetId="2">#REF!</definedName>
    <definedName name="REC14515_36">#REF!</definedName>
    <definedName name="REC14555_36" localSheetId="2">#REF!</definedName>
    <definedName name="REC14555_36">#REF!</definedName>
    <definedName name="REC14565_36" localSheetId="2">#REF!</definedName>
    <definedName name="REC14565_36">#REF!</definedName>
    <definedName name="REC15135_36" localSheetId="2">#REF!</definedName>
    <definedName name="REC15135_36">#REF!</definedName>
    <definedName name="REC15140_36" localSheetId="2">#REF!</definedName>
    <definedName name="REC15140_36">#REF!</definedName>
    <definedName name="REC15195_36" localSheetId="2">#REF!</definedName>
    <definedName name="REC15195_36">#REF!</definedName>
    <definedName name="REC15225_36" localSheetId="2">#REF!</definedName>
    <definedName name="REC15225_36">#REF!</definedName>
    <definedName name="REC15230_36" localSheetId="2">#REF!</definedName>
    <definedName name="REC15230_36">#REF!</definedName>
    <definedName name="REC15515_36" localSheetId="2">#REF!</definedName>
    <definedName name="REC15515_36">#REF!</definedName>
    <definedName name="REC15560_36" localSheetId="2">#REF!</definedName>
    <definedName name="REC15560_36">#REF!</definedName>
    <definedName name="REC15565_36" localSheetId="2">#REF!</definedName>
    <definedName name="REC15565_36">#REF!</definedName>
    <definedName name="REC15570_36" localSheetId="2">#REF!</definedName>
    <definedName name="REC15570_36">#REF!</definedName>
    <definedName name="REC15575_36" localSheetId="2">#REF!</definedName>
    <definedName name="REC15575_36">#REF!</definedName>
    <definedName name="REC15583_36" localSheetId="2">#REF!</definedName>
    <definedName name="REC15583_36">#REF!</definedName>
    <definedName name="REC15590_36" localSheetId="2">#REF!</definedName>
    <definedName name="REC15590_36">#REF!</definedName>
    <definedName name="REC15591_36" localSheetId="2">#REF!</definedName>
    <definedName name="REC15591_36">#REF!</definedName>
    <definedName name="REC15610_36" localSheetId="2">#REF!</definedName>
    <definedName name="REC15610_36">#REF!</definedName>
    <definedName name="REC15625_36" localSheetId="2">#REF!</definedName>
    <definedName name="REC15625_36">#REF!</definedName>
    <definedName name="REC15635_36" localSheetId="2">#REF!</definedName>
    <definedName name="REC15635_36">#REF!</definedName>
    <definedName name="REC15655_36" localSheetId="2">#REF!</definedName>
    <definedName name="REC15655_36">#REF!</definedName>
    <definedName name="REC15665_36" localSheetId="2">#REF!</definedName>
    <definedName name="REC15665_36">#REF!</definedName>
    <definedName name="REC16515_36" localSheetId="2">#REF!</definedName>
    <definedName name="REC16515_36">#REF!</definedName>
    <definedName name="REC16535_36" localSheetId="2">#REF!</definedName>
    <definedName name="REC16535_36">#REF!</definedName>
    <definedName name="REC17140_36" localSheetId="2">#REF!</definedName>
    <definedName name="REC17140_36">#REF!</definedName>
    <definedName name="REC19500_36" localSheetId="2">#REF!</definedName>
    <definedName name="REC19500_36">#REF!</definedName>
    <definedName name="REC19501_36" localSheetId="2">#REF!</definedName>
    <definedName name="REC19501_36">#REF!</definedName>
    <definedName name="REC19502_36" localSheetId="2">#REF!</definedName>
    <definedName name="REC19502_36">#REF!</definedName>
    <definedName name="REC19503_36" localSheetId="2">#REF!</definedName>
    <definedName name="REC19503_36">#REF!</definedName>
    <definedName name="REC19504_36" localSheetId="2">#REF!</definedName>
    <definedName name="REC19504_36">#REF!</definedName>
    <definedName name="REC19505_36" localSheetId="2">#REF!</definedName>
    <definedName name="REC19505_36">#REF!</definedName>
    <definedName name="REC20100_36" localSheetId="2">#REF!</definedName>
    <definedName name="REC20100_36">#REF!</definedName>
    <definedName name="REC20105_36" localSheetId="2">#REF!</definedName>
    <definedName name="REC20105_36">#REF!</definedName>
    <definedName name="REC20110_36" localSheetId="2">#REF!</definedName>
    <definedName name="REC20110_36">#REF!</definedName>
    <definedName name="REC20115_36" localSheetId="2">#REF!</definedName>
    <definedName name="REC20115_36">#REF!</definedName>
    <definedName name="REC20130_36" localSheetId="2">#REF!</definedName>
    <definedName name="REC20130_36">#REF!</definedName>
    <definedName name="REC20135_36" localSheetId="2">#REF!</definedName>
    <definedName name="REC20135_36">#REF!</definedName>
    <definedName name="REC20140_36" localSheetId="2">#REF!</definedName>
    <definedName name="REC20140_36">#REF!</definedName>
    <definedName name="REC20145_36" localSheetId="2">#REF!</definedName>
    <definedName name="REC20145_36">#REF!</definedName>
    <definedName name="REC20150_36" localSheetId="2">#REF!</definedName>
    <definedName name="REC20150_36">#REF!</definedName>
    <definedName name="REC20155_36" localSheetId="2">#REF!</definedName>
    <definedName name="REC20155_36">#REF!</definedName>
    <definedName name="REC20175_36" localSheetId="2">#REF!</definedName>
    <definedName name="REC20175_36">#REF!</definedName>
    <definedName name="REC20185_36" localSheetId="2">#REF!</definedName>
    <definedName name="REC20185_36">#REF!</definedName>
    <definedName name="REC20190_36" localSheetId="2">#REF!</definedName>
    <definedName name="REC20190_36">#REF!</definedName>
    <definedName name="REC20195_36" localSheetId="2">#REF!</definedName>
    <definedName name="REC20195_36">#REF!</definedName>
    <definedName name="REC20210_36" localSheetId="2">#REF!</definedName>
    <definedName name="REC20210_36">#REF!</definedName>
    <definedName name="REGULA">[1]Regula!$M$36</definedName>
    <definedName name="REPOUSO">#REF!</definedName>
    <definedName name="resumo">#N/A</definedName>
    <definedName name="resumo_10">#N/A</definedName>
    <definedName name="resumo_11">#N/A</definedName>
    <definedName name="resumo_12">#N/A</definedName>
    <definedName name="resumo_13">#N/A</definedName>
    <definedName name="resumo_14">#N/A</definedName>
    <definedName name="resumo_15">#N/A</definedName>
    <definedName name="resumo_16">#N/A</definedName>
    <definedName name="resumo_17">#N/A</definedName>
    <definedName name="resumo_18">#N/A</definedName>
    <definedName name="resumo_19">#N/A</definedName>
    <definedName name="resumo_20">#N/A</definedName>
    <definedName name="resumo_21" localSheetId="2">#REF!</definedName>
    <definedName name="resumo_21">#REF!</definedName>
    <definedName name="resumo_22">#N/A</definedName>
    <definedName name="resumo_23">#N/A</definedName>
    <definedName name="resumo_24">#N/A</definedName>
    <definedName name="resumo_25">#N/A</definedName>
    <definedName name="resumo_26">#N/A</definedName>
    <definedName name="resumo_27">#N/A</definedName>
    <definedName name="resumo_28">#N/A</definedName>
    <definedName name="resumo_29">#N/A</definedName>
    <definedName name="resumo_30">#N/A</definedName>
    <definedName name="resumo_31">#N/A</definedName>
    <definedName name="resumo_32">#N/A</definedName>
    <definedName name="resumo_33">#N/A</definedName>
    <definedName name="resumo_34">#N/A</definedName>
    <definedName name="resumo_35">#N/A</definedName>
    <definedName name="resumo_36">#N/A</definedName>
    <definedName name="resumo_37">#N/A</definedName>
    <definedName name="resumo_38">#N/A</definedName>
    <definedName name="resumo_39">#N/A</definedName>
    <definedName name="resumo_40">#N/A</definedName>
    <definedName name="resumo_41">#N/A</definedName>
    <definedName name="resumo_42">#N/A</definedName>
    <definedName name="resumo_43">#N/A</definedName>
    <definedName name="resumo_44">#N/A</definedName>
    <definedName name="resumo_45">#N/A</definedName>
    <definedName name="resumo_46">#N/A</definedName>
    <definedName name="resumo_47">#N/A</definedName>
    <definedName name="resumo_48">#N/A</definedName>
    <definedName name="resumo_49">#N/A</definedName>
    <definedName name="resumo_5">#N/A</definedName>
    <definedName name="resumo_50">#N/A</definedName>
    <definedName name="resumo_51">#N/A</definedName>
    <definedName name="resumo_52">#N/A</definedName>
    <definedName name="resumo_53">#N/A</definedName>
    <definedName name="resumo_54">#N/A</definedName>
    <definedName name="resumo_55">#N/A</definedName>
    <definedName name="resumo_56">#N/A</definedName>
    <definedName name="resumo_57">#N/A</definedName>
    <definedName name="resumo_58">#N/A</definedName>
    <definedName name="resumo_6">#N/A</definedName>
    <definedName name="resumo_60">#N/A</definedName>
    <definedName name="resumo_61">#N/A</definedName>
    <definedName name="resumo_62">#N/A</definedName>
    <definedName name="resumo_63">#N/A</definedName>
    <definedName name="resumo_64">#N/A</definedName>
    <definedName name="resumo_65">#N/A</definedName>
    <definedName name="resumo_66">#N/A</definedName>
    <definedName name="resumo_67">#N/A</definedName>
    <definedName name="resumo_68">#N/A</definedName>
    <definedName name="resumo_69">#N/A</definedName>
    <definedName name="resumo_7">#N/A</definedName>
    <definedName name="resumo_70">#N/A</definedName>
    <definedName name="resumo_71">#N/A</definedName>
    <definedName name="resumo_72">#N/A</definedName>
    <definedName name="resumo_73">#N/A</definedName>
    <definedName name="resumo_74">#N/A</definedName>
    <definedName name="resumo_75">#N/A</definedName>
    <definedName name="resumo_76">#N/A</definedName>
    <definedName name="resumo_77">#N/A</definedName>
    <definedName name="resumo_78">#N/A</definedName>
    <definedName name="resumo_79">#N/A</definedName>
    <definedName name="resumo_8">#N/A</definedName>
    <definedName name="resumo_80">#N/A</definedName>
    <definedName name="resumo_81">#N/A</definedName>
    <definedName name="resumo_82">#N/A</definedName>
    <definedName name="resumo_83">#N/A</definedName>
    <definedName name="resumo_85">#N/A</definedName>
    <definedName name="resumo_86">#N/A</definedName>
    <definedName name="resumo_87">#N/A</definedName>
    <definedName name="resumo_88">#N/A</definedName>
    <definedName name="resumo_9">#N/A</definedName>
    <definedName name="resumo_92">#N/A</definedName>
    <definedName name="SALARIOS">#REF!</definedName>
    <definedName name="SGCO_Valor_Global">#REF!</definedName>
    <definedName name="Sim">[7]Efetivo!#REF!</definedName>
    <definedName name="SS">[0]!SS</definedName>
    <definedName name="SSS">[0]!SSS</definedName>
    <definedName name="svi2_15" localSheetId="2">#REF!</definedName>
    <definedName name="svi2_15">#REF!</definedName>
    <definedName name="svi2_16" localSheetId="2">#REF!</definedName>
    <definedName name="svi2_16">#REF!</definedName>
    <definedName name="svi2_17" localSheetId="2">#REF!</definedName>
    <definedName name="svi2_17">#REF!</definedName>
    <definedName name="svi2_18" localSheetId="2">#REF!</definedName>
    <definedName name="svi2_18">#REF!</definedName>
    <definedName name="svi2_19" localSheetId="2">#REF!</definedName>
    <definedName name="svi2_19">#REF!</definedName>
    <definedName name="svi2_20" localSheetId="2">#REF!</definedName>
    <definedName name="svi2_20">#REF!</definedName>
    <definedName name="svi2_21" localSheetId="2">#REF!</definedName>
    <definedName name="svi2_21">#REF!</definedName>
    <definedName name="svi2_22" localSheetId="2">#REF!</definedName>
    <definedName name="svi2_22">#REF!</definedName>
    <definedName name="svi2_23" localSheetId="2">#REF!</definedName>
    <definedName name="svi2_23">#REF!</definedName>
    <definedName name="svi2_24" localSheetId="2">#REF!</definedName>
    <definedName name="svi2_24">#REF!</definedName>
    <definedName name="svi2_25" localSheetId="2">#REF!</definedName>
    <definedName name="svi2_25">#REF!</definedName>
    <definedName name="svi2_26" localSheetId="2">#REF!</definedName>
    <definedName name="svi2_26">#REF!</definedName>
    <definedName name="svi2_27" localSheetId="2">#REF!</definedName>
    <definedName name="svi2_27">#REF!</definedName>
    <definedName name="svi2_28" localSheetId="2">#REF!</definedName>
    <definedName name="svi2_28">#REF!</definedName>
    <definedName name="svi2_29" localSheetId="2">#REF!</definedName>
    <definedName name="svi2_29">#REF!</definedName>
    <definedName name="svi2_30" localSheetId="2">#REF!</definedName>
    <definedName name="svi2_30">#REF!</definedName>
    <definedName name="svi2_31" localSheetId="2">#REF!</definedName>
    <definedName name="svi2_31">#REF!</definedName>
    <definedName name="svi2_32" localSheetId="2">#REF!</definedName>
    <definedName name="svi2_32">#REF!</definedName>
    <definedName name="svi2_33" localSheetId="2">#REF!</definedName>
    <definedName name="svi2_33">#REF!</definedName>
    <definedName name="svi2_34" localSheetId="2">#REF!</definedName>
    <definedName name="svi2_34">#REF!</definedName>
    <definedName name="svi2_35" localSheetId="2">#REF!</definedName>
    <definedName name="svi2_35">#REF!</definedName>
    <definedName name="svi2_36" localSheetId="2">#REF!</definedName>
    <definedName name="svi2_36">#REF!</definedName>
    <definedName name="svi2_38" localSheetId="2">#REF!</definedName>
    <definedName name="svi2_38">#REF!</definedName>
    <definedName name="t" localSheetId="2">#REF!</definedName>
    <definedName name="t">#REF!</definedName>
    <definedName name="t_36" localSheetId="2">#REF!</definedName>
    <definedName name="t_36">#REF!</definedName>
    <definedName name="Tabela2" localSheetId="2">#REF!</definedName>
    <definedName name="Tabela2">#REF!</definedName>
    <definedName name="tabelão" localSheetId="2">#REF!</definedName>
    <definedName name="tabelão">#REF!</definedName>
    <definedName name="tabelão1" localSheetId="2">#REF!</definedName>
    <definedName name="tabelão1">#REF!</definedName>
    <definedName name="tabelão2" localSheetId="2">#REF!</definedName>
    <definedName name="tabelão2">#REF!</definedName>
    <definedName name="taxa_cap" localSheetId="2">#REF!</definedName>
    <definedName name="taxa_cap">#REF!</definedName>
    <definedName name="terra" localSheetId="2">#REF!</definedName>
    <definedName name="terra">#REF!</definedName>
    <definedName name="TESTE" localSheetId="2">#REF!</definedName>
    <definedName name="TESTE">#REF!</definedName>
    <definedName name="teste1">[0]!teste1</definedName>
    <definedName name="TESTE2" localSheetId="2">#REF!</definedName>
    <definedName name="TESTE2">#REF!</definedName>
    <definedName name="testes">[0]!testes</definedName>
    <definedName name="_xlnm.Print_Titles" localSheetId="0">'ANEXO III-B- PLAN. ORÇAMENTÁRIA'!$8:$9</definedName>
    <definedName name="_xlnm.Print_Titles" localSheetId="1">'PO Orçamentária'!$7:$7</definedName>
    <definedName name="TOTA" localSheetId="2">#REF!</definedName>
    <definedName name="TOTA">#REF!</definedName>
    <definedName name="total">#N/A</definedName>
    <definedName name="total_10">#N/A</definedName>
    <definedName name="total_11">#N/A</definedName>
    <definedName name="total_12">#N/A</definedName>
    <definedName name="total_13">#N/A</definedName>
    <definedName name="total_14">#N/A</definedName>
    <definedName name="total_15">#N/A</definedName>
    <definedName name="total_16">#N/A</definedName>
    <definedName name="total_17">#N/A</definedName>
    <definedName name="total_18">#N/A</definedName>
    <definedName name="total_19">#N/A</definedName>
    <definedName name="total_20">#N/A</definedName>
    <definedName name="total_21" localSheetId="2">#REF!</definedName>
    <definedName name="total_21">#REF!</definedName>
    <definedName name="total_22">#N/A</definedName>
    <definedName name="total_23">#N/A</definedName>
    <definedName name="total_24">#N/A</definedName>
    <definedName name="total_25">#N/A</definedName>
    <definedName name="total_26">#N/A</definedName>
    <definedName name="total_27">#N/A</definedName>
    <definedName name="total_28">#N/A</definedName>
    <definedName name="total_29">#N/A</definedName>
    <definedName name="total_30">#N/A</definedName>
    <definedName name="total_31">#N/A</definedName>
    <definedName name="total_32">#N/A</definedName>
    <definedName name="total_33">#N/A</definedName>
    <definedName name="total_34">#N/A</definedName>
    <definedName name="total_35">#N/A</definedName>
    <definedName name="total_36">#N/A</definedName>
    <definedName name="total_37">#N/A</definedName>
    <definedName name="total_38">#N/A</definedName>
    <definedName name="total_39">#N/A</definedName>
    <definedName name="total_40">#N/A</definedName>
    <definedName name="total_41">#N/A</definedName>
    <definedName name="total_42">#N/A</definedName>
    <definedName name="total_43">#N/A</definedName>
    <definedName name="total_44">#N/A</definedName>
    <definedName name="total_45">#N/A</definedName>
    <definedName name="total_46">#N/A</definedName>
    <definedName name="total_47">#N/A</definedName>
    <definedName name="total_48">#N/A</definedName>
    <definedName name="total_49">#N/A</definedName>
    <definedName name="total_5">#N/A</definedName>
    <definedName name="total_50">#N/A</definedName>
    <definedName name="total_51">#N/A</definedName>
    <definedName name="total_52">#N/A</definedName>
    <definedName name="total_53">#N/A</definedName>
    <definedName name="total_54">#N/A</definedName>
    <definedName name="total_55">#N/A</definedName>
    <definedName name="total_56">#N/A</definedName>
    <definedName name="total_57">#N/A</definedName>
    <definedName name="total_58">#N/A</definedName>
    <definedName name="total_6">#N/A</definedName>
    <definedName name="total_60">#N/A</definedName>
    <definedName name="total_61">#N/A</definedName>
    <definedName name="total_62">#N/A</definedName>
    <definedName name="total_63">#N/A</definedName>
    <definedName name="total_64">#N/A</definedName>
    <definedName name="total_65">#N/A</definedName>
    <definedName name="total_66">#N/A</definedName>
    <definedName name="total_67">#N/A</definedName>
    <definedName name="total_68">#N/A</definedName>
    <definedName name="total_69">#N/A</definedName>
    <definedName name="total_7">#N/A</definedName>
    <definedName name="total_70">#N/A</definedName>
    <definedName name="total_71">#N/A</definedName>
    <definedName name="total_72">#N/A</definedName>
    <definedName name="total_73">#N/A</definedName>
    <definedName name="total_74">#N/A</definedName>
    <definedName name="total_75">#N/A</definedName>
    <definedName name="total_76">#N/A</definedName>
    <definedName name="total_77">#N/A</definedName>
    <definedName name="total_78">#N/A</definedName>
    <definedName name="total_79">#N/A</definedName>
    <definedName name="total_8">#N/A</definedName>
    <definedName name="total_80">#N/A</definedName>
    <definedName name="total_81">#N/A</definedName>
    <definedName name="total_82">#N/A</definedName>
    <definedName name="total_83">#N/A</definedName>
    <definedName name="total_85">#N/A</definedName>
    <definedName name="total_86">#N/A</definedName>
    <definedName name="total_87">#N/A</definedName>
    <definedName name="total_88">#N/A</definedName>
    <definedName name="total_9">#N/A</definedName>
    <definedName name="total_92">#N/A</definedName>
    <definedName name="TOTB" localSheetId="2">#REF!</definedName>
    <definedName name="TOTB">#REF!</definedName>
    <definedName name="TOTC" localSheetId="2">#REF!</definedName>
    <definedName name="TOTC">#REF!</definedName>
    <definedName name="TOTD" localSheetId="2">#REF!</definedName>
    <definedName name="TOTD">#REF!</definedName>
    <definedName name="TOTE" localSheetId="2">#REF!</definedName>
    <definedName name="TOTE">#REF!</definedName>
    <definedName name="TOTF" localSheetId="2">#REF!</definedName>
    <definedName name="TOTF">#REF!</definedName>
    <definedName name="TOTG" localSheetId="2">#REF!</definedName>
    <definedName name="TOTG">#REF!</definedName>
    <definedName name="TOTH" localSheetId="2">#REF!</definedName>
    <definedName name="TOTH">#REF!</definedName>
    <definedName name="TOTI" localSheetId="2">#REF!</definedName>
    <definedName name="TOTI">#REF!</definedName>
    <definedName name="TOTJ" localSheetId="2">#REF!</definedName>
    <definedName name="TOTJ">#REF!</definedName>
    <definedName name="TOTK" localSheetId="2">#REF!</definedName>
    <definedName name="TOTK">#REF!</definedName>
    <definedName name="TOTL" localSheetId="2">#REF!</definedName>
    <definedName name="TOTL">#REF!</definedName>
    <definedName name="TOTM" localSheetId="2">#REF!</definedName>
    <definedName name="TOTM">#REF!</definedName>
    <definedName name="TOTN" localSheetId="2">#REF!</definedName>
    <definedName name="TOTN">#REF!</definedName>
    <definedName name="TOTP" localSheetId="2">#REF!</definedName>
    <definedName name="TOTP">#REF!</definedName>
    <definedName name="TOTQ" localSheetId="2">#REF!</definedName>
    <definedName name="TOTQ">#REF!</definedName>
    <definedName name="TOTRES" localSheetId="2">#REF!</definedName>
    <definedName name="TOTRES">#REF!</definedName>
    <definedName name="UNI11100_36" localSheetId="2">#REF!</definedName>
    <definedName name="UNI11100_36">#REF!</definedName>
    <definedName name="UNI11110_36" localSheetId="2">#REF!</definedName>
    <definedName name="UNI11110_36">#REF!</definedName>
    <definedName name="UNI11115_36" localSheetId="2">#REF!</definedName>
    <definedName name="UNI11115_36">#REF!</definedName>
    <definedName name="UNI11125_36" localSheetId="2">#REF!</definedName>
    <definedName name="UNI11125_36">#REF!</definedName>
    <definedName name="UNI11130_36" localSheetId="2">#REF!</definedName>
    <definedName name="UNI11130_36">#REF!</definedName>
    <definedName name="UNI11135_36" localSheetId="2">#REF!</definedName>
    <definedName name="UNI11135_36">#REF!</definedName>
    <definedName name="UNI11145_36" localSheetId="2">#REF!</definedName>
    <definedName name="UNI11145_36">#REF!</definedName>
    <definedName name="UNI11150_36" localSheetId="2">#REF!</definedName>
    <definedName name="UNI11150_36">#REF!</definedName>
    <definedName name="UNI11165_36" localSheetId="2">#REF!</definedName>
    <definedName name="UNI11165_36">#REF!</definedName>
    <definedName name="UNI11170_36" localSheetId="2">#REF!</definedName>
    <definedName name="UNI11170_36">#REF!</definedName>
    <definedName name="UNI11180_36" localSheetId="2">#REF!</definedName>
    <definedName name="UNI11180_36">#REF!</definedName>
    <definedName name="UNI11185_36" localSheetId="2">#REF!</definedName>
    <definedName name="UNI11185_36">#REF!</definedName>
    <definedName name="UNI11220_36" localSheetId="2">#REF!</definedName>
    <definedName name="UNI11220_36">#REF!</definedName>
    <definedName name="UNI12105_36" localSheetId="2">#REF!</definedName>
    <definedName name="UNI12105_36">#REF!</definedName>
    <definedName name="UNI12555_36" localSheetId="2">#REF!</definedName>
    <definedName name="UNI12555_36">#REF!</definedName>
    <definedName name="UNI12570_36" localSheetId="2">#REF!</definedName>
    <definedName name="UNI12570_36">#REF!</definedName>
    <definedName name="UNI12575_36" localSheetId="2">#REF!</definedName>
    <definedName name="UNI12575_36">#REF!</definedName>
    <definedName name="UNI12580_36" localSheetId="2">#REF!</definedName>
    <definedName name="UNI12580_36">#REF!</definedName>
    <definedName name="UNI12600_36" localSheetId="2">#REF!</definedName>
    <definedName name="UNI12600_36">#REF!</definedName>
    <definedName name="UNI12610_36" localSheetId="2">#REF!</definedName>
    <definedName name="UNI12610_36">#REF!</definedName>
    <definedName name="UNI12630_36" localSheetId="2">#REF!</definedName>
    <definedName name="UNI12630_36">#REF!</definedName>
    <definedName name="UNI12631_36" localSheetId="2">#REF!</definedName>
    <definedName name="UNI12631_36">#REF!</definedName>
    <definedName name="UNI12640_36" localSheetId="2">#REF!</definedName>
    <definedName name="UNI12640_36">#REF!</definedName>
    <definedName name="UNI12645_36" localSheetId="2">#REF!</definedName>
    <definedName name="UNI12645_36">#REF!</definedName>
    <definedName name="UNI12665_36" localSheetId="2">#REF!</definedName>
    <definedName name="UNI12665_36">#REF!</definedName>
    <definedName name="UNI12690_36" localSheetId="2">#REF!</definedName>
    <definedName name="UNI12690_36">#REF!</definedName>
    <definedName name="UNI12700_36" localSheetId="2">#REF!</definedName>
    <definedName name="UNI12700_36">#REF!</definedName>
    <definedName name="UNI12710_36" localSheetId="2">#REF!</definedName>
    <definedName name="UNI12710_36">#REF!</definedName>
    <definedName name="UNI13111_36" localSheetId="2">#REF!</definedName>
    <definedName name="UNI13111_36">#REF!</definedName>
    <definedName name="UNI13112_36" localSheetId="2">#REF!</definedName>
    <definedName name="UNI13112_36">#REF!</definedName>
    <definedName name="UNI13121_36" localSheetId="2">#REF!</definedName>
    <definedName name="UNI13121_36">#REF!</definedName>
    <definedName name="UNI13720_36" localSheetId="2">#REF!</definedName>
    <definedName name="UNI13720_36">#REF!</definedName>
    <definedName name="UNI14100_36" localSheetId="2">#REF!</definedName>
    <definedName name="UNI14100_36">#REF!</definedName>
    <definedName name="UNI14161_36" localSheetId="2">#REF!</definedName>
    <definedName name="UNI14161_36">#REF!</definedName>
    <definedName name="UNI14195_36" localSheetId="2">#REF!</definedName>
    <definedName name="UNI14195_36">#REF!</definedName>
    <definedName name="UNI14205_36" localSheetId="2">#REF!</definedName>
    <definedName name="UNI14205_36">#REF!</definedName>
    <definedName name="UNI14260_36" localSheetId="2">#REF!</definedName>
    <definedName name="UNI14260_36">#REF!</definedName>
    <definedName name="UNI14500_36" localSheetId="2">#REF!</definedName>
    <definedName name="UNI14500_36">#REF!</definedName>
    <definedName name="UNI14515_36" localSheetId="2">#REF!</definedName>
    <definedName name="UNI14515_36">#REF!</definedName>
    <definedName name="UNI14555_36" localSheetId="2">#REF!</definedName>
    <definedName name="UNI14555_36">#REF!</definedName>
    <definedName name="UNI14565_36" localSheetId="2">#REF!</definedName>
    <definedName name="UNI14565_36">#REF!</definedName>
    <definedName name="UNI15135_36" localSheetId="2">#REF!</definedName>
    <definedName name="UNI15135_36">#REF!</definedName>
    <definedName name="UNI15140_36" localSheetId="2">#REF!</definedName>
    <definedName name="UNI15140_36">#REF!</definedName>
    <definedName name="UNI15195_36" localSheetId="2">#REF!</definedName>
    <definedName name="UNI15195_36">#REF!</definedName>
    <definedName name="UNI15225_36" localSheetId="2">#REF!</definedName>
    <definedName name="UNI15225_36">#REF!</definedName>
    <definedName name="UNI15230_36" localSheetId="2">#REF!</definedName>
    <definedName name="UNI15230_36">#REF!</definedName>
    <definedName name="UNI15515_36" localSheetId="2">#REF!</definedName>
    <definedName name="UNI15515_36">#REF!</definedName>
    <definedName name="UNI15560_36" localSheetId="2">#REF!</definedName>
    <definedName name="UNI15560_36">#REF!</definedName>
    <definedName name="UNI15565_36" localSheetId="2">#REF!</definedName>
    <definedName name="UNI15565_36">#REF!</definedName>
    <definedName name="UNI15570_36" localSheetId="2">#REF!</definedName>
    <definedName name="UNI15570_36">#REF!</definedName>
    <definedName name="UNI15575_36" localSheetId="2">#REF!</definedName>
    <definedName name="UNI15575_36">#REF!</definedName>
    <definedName name="UNI15583_36" localSheetId="2">#REF!</definedName>
    <definedName name="UNI15583_36">#REF!</definedName>
    <definedName name="UNI15590_36" localSheetId="2">#REF!</definedName>
    <definedName name="UNI15590_36">#REF!</definedName>
    <definedName name="UNI15591_36" localSheetId="2">#REF!</definedName>
    <definedName name="UNI15591_36">#REF!</definedName>
    <definedName name="UNI15610_36" localSheetId="2">#REF!</definedName>
    <definedName name="UNI15610_36">#REF!</definedName>
    <definedName name="UNI15625_36" localSheetId="2">#REF!</definedName>
    <definedName name="UNI15625_36">#REF!</definedName>
    <definedName name="UNI15635_36" localSheetId="2">#REF!</definedName>
    <definedName name="UNI15635_36">#REF!</definedName>
    <definedName name="UNI15655_36" localSheetId="2">#REF!</definedName>
    <definedName name="UNI15655_36">#REF!</definedName>
    <definedName name="UNI15665_36" localSheetId="2">#REF!</definedName>
    <definedName name="UNI15665_36">#REF!</definedName>
    <definedName name="UNI16515_36" localSheetId="2">#REF!</definedName>
    <definedName name="UNI16515_36">#REF!</definedName>
    <definedName name="UNI16535_36" localSheetId="2">#REF!</definedName>
    <definedName name="UNI16535_36">#REF!</definedName>
    <definedName name="UNI17140_36" localSheetId="2">#REF!</definedName>
    <definedName name="UNI17140_36">#REF!</definedName>
    <definedName name="UNI19500_36" localSheetId="2">#REF!</definedName>
    <definedName name="UNI19500_36">#REF!</definedName>
    <definedName name="UNI19501_36" localSheetId="2">#REF!</definedName>
    <definedName name="UNI19501_36">#REF!</definedName>
    <definedName name="UNI19502_36" localSheetId="2">#REF!</definedName>
    <definedName name="UNI19502_36">#REF!</definedName>
    <definedName name="UNI19503_36" localSheetId="2">#REF!</definedName>
    <definedName name="UNI19503_36">#REF!</definedName>
    <definedName name="UNI19504_36" localSheetId="2">#REF!</definedName>
    <definedName name="UNI19504_36">#REF!</definedName>
    <definedName name="UNI19505_36" localSheetId="2">#REF!</definedName>
    <definedName name="UNI19505_36">#REF!</definedName>
    <definedName name="UNI20100_36" localSheetId="2">#REF!</definedName>
    <definedName name="UNI20100_36">#REF!</definedName>
    <definedName name="UNI20105_36" localSheetId="2">#REF!</definedName>
    <definedName name="UNI20105_36">#REF!</definedName>
    <definedName name="UNI20110_36" localSheetId="2">#REF!</definedName>
    <definedName name="UNI20110_36">#REF!</definedName>
    <definedName name="UNI20115_36" localSheetId="2">#REF!</definedName>
    <definedName name="UNI20115_36">#REF!</definedName>
    <definedName name="UNI20130_36" localSheetId="2">#REF!</definedName>
    <definedName name="UNI20130_36">#REF!</definedName>
    <definedName name="UNI20135_36" localSheetId="2">#REF!</definedName>
    <definedName name="UNI20135_36">#REF!</definedName>
    <definedName name="UNI20140_36" localSheetId="2">#REF!</definedName>
    <definedName name="UNI20140_36">#REF!</definedName>
    <definedName name="UNI20145_36" localSheetId="2">#REF!</definedName>
    <definedName name="UNI20145_36">#REF!</definedName>
    <definedName name="UNI20150_36" localSheetId="2">#REF!</definedName>
    <definedName name="UNI20150_36">#REF!</definedName>
    <definedName name="UNI20155_36" localSheetId="2">#REF!</definedName>
    <definedName name="UNI20155_36">#REF!</definedName>
    <definedName name="UNI20175_36" localSheetId="2">#REF!</definedName>
    <definedName name="UNI20175_36">#REF!</definedName>
    <definedName name="UNI20185_36" localSheetId="2">#REF!</definedName>
    <definedName name="UNI20185_36">#REF!</definedName>
    <definedName name="UNI20190_36" localSheetId="2">#REF!</definedName>
    <definedName name="UNI20190_36">#REF!</definedName>
    <definedName name="UNI20195_36" localSheetId="2">#REF!</definedName>
    <definedName name="UNI20195_36">#REF!</definedName>
    <definedName name="UNI20210_36" localSheetId="2">#REF!</definedName>
    <definedName name="UNI20210_36">#REF!</definedName>
    <definedName name="VAL11100_36" localSheetId="2">#REF!</definedName>
    <definedName name="VAL11100_36">#REF!</definedName>
    <definedName name="VAL11110_36" localSheetId="2">#REF!</definedName>
    <definedName name="VAL11110_36">#REF!</definedName>
    <definedName name="VAL11115_36" localSheetId="2">#REF!</definedName>
    <definedName name="VAL11115_36">#REF!</definedName>
    <definedName name="VAL11125_36" localSheetId="2">#REF!</definedName>
    <definedName name="VAL11125_36">#REF!</definedName>
    <definedName name="VAL11130_36" localSheetId="2">#REF!</definedName>
    <definedName name="VAL11130_36">#REF!</definedName>
    <definedName name="VAL11135_36" localSheetId="2">#REF!</definedName>
    <definedName name="VAL11135_36">#REF!</definedName>
    <definedName name="VAL11145_36" localSheetId="2">#REF!</definedName>
    <definedName name="VAL11145_36">#REF!</definedName>
    <definedName name="VAL11150_36" localSheetId="2">#REF!</definedName>
    <definedName name="VAL11150_36">#REF!</definedName>
    <definedName name="VAL11165_36" localSheetId="2">#REF!</definedName>
    <definedName name="VAL11165_36">#REF!</definedName>
    <definedName name="VAL11170_36" localSheetId="2">#REF!</definedName>
    <definedName name="VAL11170_36">#REF!</definedName>
    <definedName name="VAL11180_36" localSheetId="2">#REF!</definedName>
    <definedName name="VAL11180_36">#REF!</definedName>
    <definedName name="VAL11185_36" localSheetId="2">#REF!</definedName>
    <definedName name="VAL11185_36">#REF!</definedName>
    <definedName name="VAL11220_36" localSheetId="2">#REF!</definedName>
    <definedName name="VAL11220_36">#REF!</definedName>
    <definedName name="VAL12105_36" localSheetId="2">#REF!</definedName>
    <definedName name="VAL12105_36">#REF!</definedName>
    <definedName name="VAL12555_36" localSheetId="2">#REF!</definedName>
    <definedName name="VAL12555_36">#REF!</definedName>
    <definedName name="VAL12570_36" localSheetId="2">#REF!</definedName>
    <definedName name="VAL12570_36">#REF!</definedName>
    <definedName name="VAL12575_36" localSheetId="2">#REF!</definedName>
    <definedName name="VAL12575_36">#REF!</definedName>
    <definedName name="VAL12580_36" localSheetId="2">#REF!</definedName>
    <definedName name="VAL12580_36">#REF!</definedName>
    <definedName name="VAL12600_36" localSheetId="2">#REF!</definedName>
    <definedName name="VAL12600_36">#REF!</definedName>
    <definedName name="VAL12610_36" localSheetId="2">#REF!</definedName>
    <definedName name="VAL12610_36">#REF!</definedName>
    <definedName name="VAL12630_36" localSheetId="2">#REF!</definedName>
    <definedName name="VAL12630_36">#REF!</definedName>
    <definedName name="VAL12631_36" localSheetId="2">#REF!</definedName>
    <definedName name="VAL12631_36">#REF!</definedName>
    <definedName name="VAL12640_36" localSheetId="2">#REF!</definedName>
    <definedName name="VAL12640_36">#REF!</definedName>
    <definedName name="VAL12645_36" localSheetId="2">#REF!</definedName>
    <definedName name="VAL12645_36">#REF!</definedName>
    <definedName name="VAL12665_36" localSheetId="2">#REF!</definedName>
    <definedName name="VAL12665_36">#REF!</definedName>
    <definedName name="VAL12690_36" localSheetId="2">#REF!</definedName>
    <definedName name="VAL12690_36">#REF!</definedName>
    <definedName name="VAL12700_36" localSheetId="2">#REF!</definedName>
    <definedName name="VAL12700_36">#REF!</definedName>
    <definedName name="VAL12710_36" localSheetId="2">#REF!</definedName>
    <definedName name="VAL12710_36">#REF!</definedName>
    <definedName name="VAL13111_36" localSheetId="2">#REF!</definedName>
    <definedName name="VAL13111_36">#REF!</definedName>
    <definedName name="VAL13112_36" localSheetId="2">#REF!</definedName>
    <definedName name="VAL13112_36">#REF!</definedName>
    <definedName name="VAL13121_36" localSheetId="2">#REF!</definedName>
    <definedName name="VAL13121_36">#REF!</definedName>
    <definedName name="VAL13720_36" localSheetId="2">#REF!</definedName>
    <definedName name="VAL13720_36">#REF!</definedName>
    <definedName name="VAL14100_36" localSheetId="2">#REF!</definedName>
    <definedName name="VAL14100_36">#REF!</definedName>
    <definedName name="VAL14161_36" localSheetId="2">#REF!</definedName>
    <definedName name="VAL14161_36">#REF!</definedName>
    <definedName name="VAL14195_36" localSheetId="2">#REF!</definedName>
    <definedName name="VAL14195_36">#REF!</definedName>
    <definedName name="VAL14205_36" localSheetId="2">#REF!</definedName>
    <definedName name="VAL14205_36">#REF!</definedName>
    <definedName name="VAL14260_36" localSheetId="2">#REF!</definedName>
    <definedName name="VAL14260_36">#REF!</definedName>
    <definedName name="VAL14500_36" localSheetId="2">#REF!</definedName>
    <definedName name="VAL14500_36">#REF!</definedName>
    <definedName name="VAL14515_36" localSheetId="2">#REF!</definedName>
    <definedName name="VAL14515_36">#REF!</definedName>
    <definedName name="VAL14555_36" localSheetId="2">#REF!</definedName>
    <definedName name="VAL14555_36">#REF!</definedName>
    <definedName name="VAL14565_36" localSheetId="2">#REF!</definedName>
    <definedName name="VAL14565_36">#REF!</definedName>
    <definedName name="VAL15135_36" localSheetId="2">#REF!</definedName>
    <definedName name="VAL15135_36">#REF!</definedName>
    <definedName name="VAL15140_36" localSheetId="2">#REF!</definedName>
    <definedName name="VAL15140_36">#REF!</definedName>
    <definedName name="VAL15195_36" localSheetId="2">#REF!</definedName>
    <definedName name="VAL15195_36">#REF!</definedName>
    <definedName name="VAL15225_36" localSheetId="2">#REF!</definedName>
    <definedName name="VAL15225_36">#REF!</definedName>
    <definedName name="VAL15230_36" localSheetId="2">#REF!</definedName>
    <definedName name="VAL15230_36">#REF!</definedName>
    <definedName name="VAL15515_36" localSheetId="2">#REF!</definedName>
    <definedName name="VAL15515_36">#REF!</definedName>
    <definedName name="VAL15560_36" localSheetId="2">#REF!</definedName>
    <definedName name="VAL15560_36">#REF!</definedName>
    <definedName name="VAL15565_36" localSheetId="2">#REF!</definedName>
    <definedName name="VAL15565_36">#REF!</definedName>
    <definedName name="VAL15570_36" localSheetId="2">#REF!</definedName>
    <definedName name="VAL15570_36">#REF!</definedName>
    <definedName name="VAL15575_36" localSheetId="2">#REF!</definedName>
    <definedName name="VAL15575_36">#REF!</definedName>
    <definedName name="VAL15583_36" localSheetId="2">#REF!</definedName>
    <definedName name="VAL15583_36">#REF!</definedName>
    <definedName name="VAL15590_36" localSheetId="2">#REF!</definedName>
    <definedName name="VAL15590_36">#REF!</definedName>
    <definedName name="VAL15591_36" localSheetId="2">#REF!</definedName>
    <definedName name="VAL15591_36">#REF!</definedName>
    <definedName name="VAL15610_36" localSheetId="2">#REF!</definedName>
    <definedName name="VAL15610_36">#REF!</definedName>
    <definedName name="VAL15625_36" localSheetId="2">#REF!</definedName>
    <definedName name="VAL15625_36">#REF!</definedName>
    <definedName name="VAL15635_36" localSheetId="2">#REF!</definedName>
    <definedName name="VAL15635_36">#REF!</definedName>
    <definedName name="VAL15655_36" localSheetId="2">#REF!</definedName>
    <definedName name="VAL15655_36">#REF!</definedName>
    <definedName name="VAL15665_36" localSheetId="2">#REF!</definedName>
    <definedName name="VAL15665_36">#REF!</definedName>
    <definedName name="VAL16515_36" localSheetId="2">#REF!</definedName>
    <definedName name="VAL16515_36">#REF!</definedName>
    <definedName name="VAL16535_36" localSheetId="2">#REF!</definedName>
    <definedName name="VAL16535_36">#REF!</definedName>
    <definedName name="VAL17140_36" localSheetId="2">#REF!</definedName>
    <definedName name="VAL17140_36">#REF!</definedName>
    <definedName name="VAL19500_36" localSheetId="2">#REF!</definedName>
    <definedName name="VAL19500_36">#REF!</definedName>
    <definedName name="VAL19501_36" localSheetId="2">#REF!</definedName>
    <definedName name="VAL19501_36">#REF!</definedName>
    <definedName name="VAL19502_36" localSheetId="2">#REF!</definedName>
    <definedName name="VAL19502_36">#REF!</definedName>
    <definedName name="VAL19503_36" localSheetId="2">#REF!</definedName>
    <definedName name="VAL19503_36">#REF!</definedName>
    <definedName name="VAL19504_36" localSheetId="2">#REF!</definedName>
    <definedName name="VAL19504_36">#REF!</definedName>
    <definedName name="VAL19505_36" localSheetId="2">#REF!</definedName>
    <definedName name="VAL19505_36">#REF!</definedName>
    <definedName name="VAL20100_36" localSheetId="2">#REF!</definedName>
    <definedName name="VAL20100_36">#REF!</definedName>
    <definedName name="VAL20105_36" localSheetId="2">#REF!</definedName>
    <definedName name="VAL20105_36">#REF!</definedName>
    <definedName name="VAL20110_36" localSheetId="2">#REF!</definedName>
    <definedName name="VAL20110_36">#REF!</definedName>
    <definedName name="VAL20115_36" localSheetId="2">#REF!</definedName>
    <definedName name="VAL20115_36">#REF!</definedName>
    <definedName name="VAL20130_36" localSheetId="2">#REF!</definedName>
    <definedName name="VAL20130_36">#REF!</definedName>
    <definedName name="VAL20135_36" localSheetId="2">#REF!</definedName>
    <definedName name="VAL20135_36">#REF!</definedName>
    <definedName name="VAL20140_36" localSheetId="2">#REF!</definedName>
    <definedName name="VAL20140_36">#REF!</definedName>
    <definedName name="VAL20145_36" localSheetId="2">#REF!</definedName>
    <definedName name="VAL20145_36">#REF!</definedName>
    <definedName name="VAL20150_36" localSheetId="2">#REF!</definedName>
    <definedName name="VAL20150_36">#REF!</definedName>
    <definedName name="VAL20155_36" localSheetId="2">#REF!</definedName>
    <definedName name="VAL20155_36">#REF!</definedName>
    <definedName name="VAL20175_36" localSheetId="2">#REF!</definedName>
    <definedName name="VAL20175_36">#REF!</definedName>
    <definedName name="VAL20185_36" localSheetId="2">#REF!</definedName>
    <definedName name="VAL20185_36">#REF!</definedName>
    <definedName name="VAL20190_36" localSheetId="2">#REF!</definedName>
    <definedName name="VAL20190_36">#REF!</definedName>
    <definedName name="VAL20195_36" localSheetId="2">#REF!</definedName>
    <definedName name="VAL20195_36">#REF!</definedName>
    <definedName name="VAL20210_36" localSheetId="2">#REF!</definedName>
    <definedName name="VAL20210_36">#REF!</definedName>
    <definedName name="VM">#N/A</definedName>
    <definedName name="VM_10">#N/A</definedName>
    <definedName name="VM_11">#N/A</definedName>
    <definedName name="VM_12">#N/A</definedName>
    <definedName name="VM_13">#N/A</definedName>
    <definedName name="VM_14">#N/A</definedName>
    <definedName name="VM_15">#N/A</definedName>
    <definedName name="VM_16">#N/A</definedName>
    <definedName name="VM_17">#N/A</definedName>
    <definedName name="VM_18">#N/A</definedName>
    <definedName name="VM_19">#N/A</definedName>
    <definedName name="VM_20">#N/A</definedName>
    <definedName name="VM_22">#N/A</definedName>
    <definedName name="VM_23">#N/A</definedName>
    <definedName name="VM_24">#N/A</definedName>
    <definedName name="VM_25">#N/A</definedName>
    <definedName name="VM_26">#N/A</definedName>
    <definedName name="VM_27">#N/A</definedName>
    <definedName name="VM_28">#N/A</definedName>
    <definedName name="VM_29">#N/A</definedName>
    <definedName name="VM_30">#N/A</definedName>
    <definedName name="VM_31">#N/A</definedName>
    <definedName name="VM_32">#N/A</definedName>
    <definedName name="VM_33">#N/A</definedName>
    <definedName name="VM_34">#N/A</definedName>
    <definedName name="VM_35">#N/A</definedName>
    <definedName name="VM_36">#N/A</definedName>
    <definedName name="VM_37">#N/A</definedName>
    <definedName name="VM_38">#N/A</definedName>
    <definedName name="VM_39">#N/A</definedName>
    <definedName name="VM_4">#N/A</definedName>
    <definedName name="VM_40">#N/A</definedName>
    <definedName name="VM_41">#N/A</definedName>
    <definedName name="VM_42">#N/A</definedName>
    <definedName name="VM_43">#N/A</definedName>
    <definedName name="VM_44">#N/A</definedName>
    <definedName name="VM_45">#N/A</definedName>
    <definedName name="VM_46">#N/A</definedName>
    <definedName name="VM_47">#N/A</definedName>
    <definedName name="VM_48">#N/A</definedName>
    <definedName name="VM_49">#N/A</definedName>
    <definedName name="VM_5">#N/A</definedName>
    <definedName name="VM_50">#N/A</definedName>
    <definedName name="VM_51">#N/A</definedName>
    <definedName name="VM_52">#N/A</definedName>
    <definedName name="VM_53">#N/A</definedName>
    <definedName name="VM_54">#N/A</definedName>
    <definedName name="VM_55">#N/A</definedName>
    <definedName name="VM_56">#N/A</definedName>
    <definedName name="VM_57">#N/A</definedName>
    <definedName name="VM_58">#N/A</definedName>
    <definedName name="VM_6">#N/A</definedName>
    <definedName name="VM_60">#N/A</definedName>
    <definedName name="VM_61">#N/A</definedName>
    <definedName name="VM_62">#N/A</definedName>
    <definedName name="VM_63">#N/A</definedName>
    <definedName name="VM_64">#N/A</definedName>
    <definedName name="VM_65">#N/A</definedName>
    <definedName name="VM_66">#N/A</definedName>
    <definedName name="VM_67">#N/A</definedName>
    <definedName name="VM_68">#N/A</definedName>
    <definedName name="VM_69">#N/A</definedName>
    <definedName name="VM_7">#N/A</definedName>
    <definedName name="VM_70">#N/A</definedName>
    <definedName name="VM_71">#N/A</definedName>
    <definedName name="VM_72">#N/A</definedName>
    <definedName name="VM_73">#N/A</definedName>
    <definedName name="VM_74">#N/A</definedName>
    <definedName name="VM_75">#N/A</definedName>
    <definedName name="VM_76">#N/A</definedName>
    <definedName name="VM_77">#N/A</definedName>
    <definedName name="VM_78">#N/A</definedName>
    <definedName name="VM_79">#N/A</definedName>
    <definedName name="VM_8">#N/A</definedName>
    <definedName name="VM_80">#N/A</definedName>
    <definedName name="VM_81">#N/A</definedName>
    <definedName name="VM_82">#N/A</definedName>
    <definedName name="VM_83">#N/A</definedName>
    <definedName name="VM_85">#N/A</definedName>
    <definedName name="VM_86">#N/A</definedName>
    <definedName name="VM_87">#N/A</definedName>
    <definedName name="VM_88">#N/A</definedName>
    <definedName name="VM_9">#N/A</definedName>
    <definedName name="VM_92">#N/A</definedName>
    <definedName name="VOLTAR_CÁLCULO">[0]!VOLTAR_CÁLCULO</definedName>
    <definedName name="x" localSheetId="2">#REF!</definedName>
    <definedName name="x">#REF!</definedName>
    <definedName name="Z_0E22E561_4067_410C_BFB4_0A1189501E1E_.wvu.PrintArea" localSheetId="0" hidden="1">'ANEXO III-B- PLAN. ORÇAMENTÁRIA'!$B$2:$I$64</definedName>
    <definedName name="Z_0E22E561_4067_410C_BFB4_0A1189501E1E_.wvu.PrintTitles" localSheetId="0" hidden="1">'ANEXO III-B- PLAN. ORÇAMENTÁRIA'!$2:$9</definedName>
    <definedName name="Z_5D6D11C0_D302_4B3A_8D84_461915C9607F_.wvu.Cols" localSheetId="2" hidden="1">'ANEXO III-D- FÍSICO-FINANCEIRO'!#REF!</definedName>
    <definedName name="Z_5D6D11C0_D302_4B3A_8D84_461915C9607F_.wvu.PrintArea" localSheetId="2" hidden="1">'ANEXO III-D- FÍSICO-FINANCEIRO'!#REF!</definedName>
    <definedName name="Z_5D6D11C0_D302_4B3A_8D84_461915C9607F_.wvu.PrintTitles" localSheetId="2" hidden="1">'ANEXO III-D- FÍSICO-FINANCEIRO'!#REF!</definedName>
    <definedName name="Z_83963048_6FD0_4989_B63F_0337A22B503D_.wvu.PrintArea" localSheetId="0" hidden="1">'ANEXO III-B- PLAN. ORÇAMENTÁRIA'!$B$2:$I$64</definedName>
    <definedName name="Z_83963048_6FD0_4989_B63F_0337A22B503D_.wvu.PrintTitles" localSheetId="0" hidden="1">'ANEXO III-B- PLAN. ORÇAMENTÁRIA'!$2:$9</definedName>
    <definedName name="Z_A248B003_5E4A_41D2_9CE3_DD406CE3EB1D_.wvu.PrintArea" localSheetId="0" hidden="1">'ANEXO III-B- PLAN. ORÇAMENTÁRIA'!$B$2:$I$64</definedName>
    <definedName name="Z_A248B003_5E4A_41D2_9CE3_DD406CE3EB1D_.wvu.PrintTitles" localSheetId="0" hidden="1">'ANEXO III-B- PLAN. ORÇAMENTÁRIA'!$2:$9</definedName>
    <definedName name="Z_A4C3A093_34EA_4EA8_A377_FF588E9BEB5A_.wvu.PrintArea" localSheetId="0" hidden="1">'ANEXO III-B- PLAN. ORÇAMENTÁRIA'!$B$2:$I$64</definedName>
    <definedName name="Z_A4C3A093_34EA_4EA8_A377_FF588E9BEB5A_.wvu.PrintTitles" localSheetId="0" hidden="1">'ANEXO III-B- PLAN. ORÇAMENTÁRIA'!$2:$9</definedName>
    <definedName name="Z_B561189C_00CA_4DA0_A261_934A9FD86FB0_.wvu.PrintArea" localSheetId="0" hidden="1">'ANEXO III-B- PLAN. ORÇAMENTÁRIA'!$B$2:$I$64</definedName>
    <definedName name="Z_B561189C_00CA_4DA0_A261_934A9FD86FB0_.wvu.PrintTitles" localSheetId="0" hidden="1">'ANEXO III-B- PLAN. ORÇAMENTÁRIA'!$2:$9</definedName>
    <definedName name="Z_B9D20DDF_E602_4A57_94B3_3F3703FBAC43_.wvu.PrintArea" localSheetId="0" hidden="1">'ANEXO III-B- PLAN. ORÇAMENTÁRIA'!$B$2:$I$64</definedName>
    <definedName name="Z_B9D20DDF_E602_4A57_94B3_3F3703FBAC43_.wvu.PrintTitles" localSheetId="0" hidden="1">'ANEXO III-B- PLAN. ORÇAMENTÁRIA'!$2:$9</definedName>
    <definedName name="Z_DD237CEA_06D9_4F81_99B0_046E163F1EC3_.wvu.PrintArea" localSheetId="0" hidden="1">'ANEXO III-B- PLAN. ORÇAMENTÁRIA'!$B$2:$I$64</definedName>
    <definedName name="Z_DD237CEA_06D9_4F81_99B0_046E163F1EC3_.wvu.PrintTitles" localSheetId="0" hidden="1">'ANEXO III-B- PLAN. ORÇAMENTÁRIA'!$2:$9</definedName>
    <definedName name="Z_E23C59F7_245C_4C62_9ACD_9E1EBA3B0514_.wvu.PrintArea" localSheetId="0" hidden="1">'ANEXO III-B- PLAN. ORÇAMENTÁRIA'!$B$2:$I$64</definedName>
    <definedName name="Z_E23C59F7_245C_4C62_9ACD_9E1EBA3B0514_.wvu.PrintTitles" localSheetId="0" hidden="1">'ANEXO III-B- PLAN. ORÇAMENTÁRIA'!$2:$9</definedName>
  </definedNames>
  <calcPr calcId="162912"/>
</workbook>
</file>

<file path=xl/calcChain.xml><?xml version="1.0" encoding="utf-8"?>
<calcChain xmlns="http://schemas.openxmlformats.org/spreadsheetml/2006/main">
  <c r="O63" i="15" l="1"/>
  <c r="Q63" i="15"/>
  <c r="R63" i="15"/>
  <c r="T63" i="15"/>
  <c r="H63" i="15"/>
  <c r="I63" i="15"/>
  <c r="I62" i="15"/>
  <c r="E26" i="16"/>
  <c r="I26" i="16"/>
  <c r="N14" i="15"/>
  <c r="H14" i="15"/>
  <c r="I14" i="15"/>
  <c r="N15" i="15"/>
  <c r="H15" i="15"/>
  <c r="I15" i="15"/>
  <c r="N16" i="15"/>
  <c r="H16" i="15"/>
  <c r="I16" i="15"/>
  <c r="N17" i="15"/>
  <c r="H17" i="15"/>
  <c r="I17" i="15"/>
  <c r="I13" i="15"/>
  <c r="E14" i="16"/>
  <c r="I14" i="16"/>
  <c r="F14" i="16"/>
  <c r="L14" i="16"/>
  <c r="O19" i="15"/>
  <c r="Q19" i="15"/>
  <c r="R19" i="15"/>
  <c r="T19" i="15"/>
  <c r="H19" i="15"/>
  <c r="I19" i="15"/>
  <c r="I18" i="15"/>
  <c r="E18" i="16"/>
  <c r="F18" i="16"/>
  <c r="L10" i="16"/>
  <c r="I18" i="16"/>
  <c r="B17" i="16"/>
  <c r="F26" i="16"/>
  <c r="G21" i="15"/>
  <c r="O21" i="15"/>
  <c r="Q21" i="15"/>
  <c r="R21" i="15"/>
  <c r="T21" i="15"/>
  <c r="H21" i="15"/>
  <c r="I21" i="15"/>
  <c r="G22" i="15"/>
  <c r="O22" i="15"/>
  <c r="Q22" i="15"/>
  <c r="R22" i="15"/>
  <c r="T22" i="15"/>
  <c r="H22" i="15"/>
  <c r="I22" i="15"/>
  <c r="G23" i="15"/>
  <c r="O23" i="15"/>
  <c r="Q23" i="15"/>
  <c r="R23" i="15"/>
  <c r="T23" i="15"/>
  <c r="H23" i="15"/>
  <c r="I23" i="15"/>
  <c r="G24" i="15"/>
  <c r="O24" i="15"/>
  <c r="Q24" i="15"/>
  <c r="R24" i="15"/>
  <c r="T24" i="15"/>
  <c r="H24" i="15"/>
  <c r="I24" i="15"/>
  <c r="G25" i="15"/>
  <c r="O25" i="15"/>
  <c r="Q25" i="15"/>
  <c r="R25" i="15"/>
  <c r="T25" i="15"/>
  <c r="H25" i="15"/>
  <c r="I25" i="15"/>
  <c r="G26" i="15"/>
  <c r="O26" i="15"/>
  <c r="Q26" i="15"/>
  <c r="R26" i="15"/>
  <c r="T26" i="15"/>
  <c r="H26" i="15"/>
  <c r="I26" i="15"/>
  <c r="G27" i="15"/>
  <c r="O27" i="15"/>
  <c r="Q27" i="15"/>
  <c r="R27" i="15"/>
  <c r="T27" i="15"/>
  <c r="H27" i="15"/>
  <c r="I27" i="15"/>
  <c r="G28" i="15"/>
  <c r="O28" i="15"/>
  <c r="Q28" i="15"/>
  <c r="R28" i="15"/>
  <c r="T28" i="15"/>
  <c r="H28" i="15"/>
  <c r="I28" i="15"/>
  <c r="G29" i="15"/>
  <c r="O29" i="15"/>
  <c r="Q29" i="15"/>
  <c r="R29" i="15"/>
  <c r="T29" i="15"/>
  <c r="H29" i="15"/>
  <c r="I29" i="15"/>
  <c r="G30" i="15"/>
  <c r="O30" i="15"/>
  <c r="Q30" i="15"/>
  <c r="R30" i="15"/>
  <c r="T30" i="15"/>
  <c r="H30" i="15"/>
  <c r="I30" i="15"/>
  <c r="G31" i="15"/>
  <c r="O31" i="15"/>
  <c r="Q31" i="15"/>
  <c r="R31" i="15"/>
  <c r="T31" i="15"/>
  <c r="H31" i="15"/>
  <c r="I31" i="15"/>
  <c r="O32" i="15"/>
  <c r="Q32" i="15"/>
  <c r="R32" i="15"/>
  <c r="T32" i="15"/>
  <c r="H32" i="15"/>
  <c r="I32" i="15"/>
  <c r="O33" i="15"/>
  <c r="Q33" i="15"/>
  <c r="R33" i="15"/>
  <c r="T33" i="15"/>
  <c r="H33" i="15"/>
  <c r="I33" i="15"/>
  <c r="G34" i="15"/>
  <c r="O34" i="15"/>
  <c r="Q34" i="15"/>
  <c r="R34" i="15"/>
  <c r="T34" i="15"/>
  <c r="H34" i="15"/>
  <c r="I34" i="15"/>
  <c r="G35" i="15"/>
  <c r="O35" i="15"/>
  <c r="Q35" i="15"/>
  <c r="R35" i="15"/>
  <c r="T35" i="15"/>
  <c r="H35" i="15"/>
  <c r="I35" i="15"/>
  <c r="G36" i="15"/>
  <c r="O36" i="15"/>
  <c r="Q36" i="15"/>
  <c r="R36" i="15"/>
  <c r="T36" i="15"/>
  <c r="H36" i="15"/>
  <c r="I36" i="15"/>
  <c r="G37" i="15"/>
  <c r="O37" i="15"/>
  <c r="Q37" i="15"/>
  <c r="R37" i="15"/>
  <c r="T37" i="15"/>
  <c r="H37" i="15"/>
  <c r="I37" i="15"/>
  <c r="G38" i="15"/>
  <c r="O38" i="15"/>
  <c r="Q38" i="15"/>
  <c r="R38" i="15"/>
  <c r="T38" i="15"/>
  <c r="H38" i="15"/>
  <c r="I38" i="15"/>
  <c r="G39" i="15"/>
  <c r="O39" i="15"/>
  <c r="Q39" i="15"/>
  <c r="R39" i="15"/>
  <c r="T39" i="15"/>
  <c r="H39" i="15"/>
  <c r="I39" i="15"/>
  <c r="G40" i="15"/>
  <c r="O40" i="15"/>
  <c r="Q40" i="15"/>
  <c r="R40" i="15"/>
  <c r="T40" i="15"/>
  <c r="H40" i="15"/>
  <c r="I40" i="15"/>
  <c r="G41" i="15"/>
  <c r="O41" i="15"/>
  <c r="Q41" i="15"/>
  <c r="R41" i="15"/>
  <c r="T41" i="15"/>
  <c r="H41" i="15"/>
  <c r="I41" i="15"/>
  <c r="G42" i="15"/>
  <c r="O42" i="15"/>
  <c r="Q42" i="15"/>
  <c r="R42" i="15"/>
  <c r="T42" i="15"/>
  <c r="H42" i="15"/>
  <c r="I42" i="15"/>
  <c r="G43" i="15"/>
  <c r="O43" i="15"/>
  <c r="Q43" i="15"/>
  <c r="R43" i="15"/>
  <c r="T43" i="15"/>
  <c r="H43" i="15"/>
  <c r="I43" i="15"/>
  <c r="G44" i="15"/>
  <c r="O44" i="15"/>
  <c r="Q44" i="15"/>
  <c r="R44" i="15"/>
  <c r="T44" i="15"/>
  <c r="H44" i="15"/>
  <c r="I44" i="15"/>
  <c r="G45" i="15"/>
  <c r="O45" i="15"/>
  <c r="Q45" i="15"/>
  <c r="R45" i="15"/>
  <c r="T45" i="15"/>
  <c r="H45" i="15"/>
  <c r="I45" i="15"/>
  <c r="G46" i="15"/>
  <c r="O46" i="15"/>
  <c r="Q46" i="15"/>
  <c r="R46" i="15"/>
  <c r="T46" i="15"/>
  <c r="H46" i="15"/>
  <c r="I46" i="15"/>
  <c r="G47" i="15"/>
  <c r="O47" i="15"/>
  <c r="Q47" i="15"/>
  <c r="R47" i="15"/>
  <c r="T47" i="15"/>
  <c r="H47" i="15"/>
  <c r="I47" i="15"/>
  <c r="G48" i="15"/>
  <c r="O48" i="15"/>
  <c r="Q48" i="15"/>
  <c r="R48" i="15"/>
  <c r="T48" i="15"/>
  <c r="H48" i="15"/>
  <c r="I48" i="15"/>
  <c r="G49" i="15"/>
  <c r="O49" i="15"/>
  <c r="Q49" i="15"/>
  <c r="R49" i="15"/>
  <c r="T49" i="15"/>
  <c r="H49" i="15"/>
  <c r="I49" i="15"/>
  <c r="G50" i="15"/>
  <c r="O50" i="15"/>
  <c r="Q50" i="15"/>
  <c r="R50" i="15"/>
  <c r="T50" i="15"/>
  <c r="H50" i="15"/>
  <c r="I50" i="15"/>
  <c r="G51" i="15"/>
  <c r="O51" i="15"/>
  <c r="Q51" i="15"/>
  <c r="R51" i="15"/>
  <c r="T51" i="15"/>
  <c r="H51" i="15"/>
  <c r="I51" i="15"/>
  <c r="G52" i="15"/>
  <c r="O52" i="15"/>
  <c r="Q52" i="15"/>
  <c r="R52" i="15"/>
  <c r="T52" i="15"/>
  <c r="H52" i="15"/>
  <c r="I52" i="15"/>
  <c r="G53" i="15"/>
  <c r="O53" i="15"/>
  <c r="Q53" i="15"/>
  <c r="R53" i="15"/>
  <c r="T53" i="15"/>
  <c r="H53" i="15"/>
  <c r="I53" i="15"/>
  <c r="G54" i="15"/>
  <c r="O54" i="15"/>
  <c r="Q54" i="15"/>
  <c r="R54" i="15"/>
  <c r="T54" i="15"/>
  <c r="H54" i="15"/>
  <c r="I54" i="15"/>
  <c r="G55" i="15"/>
  <c r="O55" i="15"/>
  <c r="Q55" i="15"/>
  <c r="R55" i="15"/>
  <c r="T55" i="15"/>
  <c r="H55" i="15"/>
  <c r="I55" i="15"/>
  <c r="G56" i="15"/>
  <c r="O56" i="15"/>
  <c r="Q56" i="15"/>
  <c r="R56" i="15"/>
  <c r="T56" i="15"/>
  <c r="H56" i="15"/>
  <c r="I56" i="15"/>
  <c r="G57" i="15"/>
  <c r="O57" i="15"/>
  <c r="Q57" i="15"/>
  <c r="R57" i="15"/>
  <c r="T57" i="15"/>
  <c r="H57" i="15"/>
  <c r="I57" i="15"/>
  <c r="G58" i="15"/>
  <c r="O58" i="15"/>
  <c r="Q58" i="15"/>
  <c r="R58" i="15"/>
  <c r="T58" i="15"/>
  <c r="H58" i="15"/>
  <c r="I58" i="15"/>
  <c r="G59" i="15"/>
  <c r="O59" i="15"/>
  <c r="Q59" i="15"/>
  <c r="R59" i="15"/>
  <c r="T59" i="15"/>
  <c r="H59" i="15"/>
  <c r="I59" i="15"/>
  <c r="G60" i="15"/>
  <c r="O60" i="15"/>
  <c r="Q60" i="15"/>
  <c r="R60" i="15"/>
  <c r="T60" i="15"/>
  <c r="H60" i="15"/>
  <c r="I60" i="15"/>
  <c r="G61" i="15"/>
  <c r="O61" i="15"/>
  <c r="Q61" i="15"/>
  <c r="R61" i="15"/>
  <c r="T61" i="15"/>
  <c r="H61" i="15"/>
  <c r="I61" i="15"/>
  <c r="I20" i="15"/>
  <c r="E22" i="16"/>
  <c r="I22" i="16"/>
  <c r="N11" i="15"/>
  <c r="H11" i="15"/>
  <c r="I11" i="15"/>
  <c r="N12" i="15"/>
  <c r="H12" i="15"/>
  <c r="I12" i="15"/>
  <c r="I10" i="15"/>
  <c r="E10" i="16"/>
  <c r="I9" i="16"/>
  <c r="B25" i="16"/>
  <c r="B21" i="16"/>
  <c r="B13" i="16"/>
  <c r="B9" i="16"/>
  <c r="I64" i="15"/>
  <c r="B94" i="14"/>
  <c r="O9" i="14"/>
  <c r="P9" i="14"/>
  <c r="T10" i="14"/>
  <c r="O10" i="14"/>
  <c r="E10" i="14"/>
  <c r="H10" i="14"/>
  <c r="P10" i="14"/>
  <c r="F10" i="14"/>
  <c r="T11" i="14"/>
  <c r="P11" i="14"/>
  <c r="F11" i="14"/>
  <c r="I11" i="14"/>
  <c r="T12" i="14"/>
  <c r="O12" i="14"/>
  <c r="E12" i="14"/>
  <c r="H12" i="14"/>
  <c r="P12" i="14"/>
  <c r="F12" i="14"/>
  <c r="I12" i="14"/>
  <c r="T13" i="14"/>
  <c r="P13" i="14"/>
  <c r="F13" i="14"/>
  <c r="I13" i="14"/>
  <c r="T14" i="14"/>
  <c r="O14" i="14"/>
  <c r="E14" i="14"/>
  <c r="H14" i="14"/>
  <c r="T15" i="14"/>
  <c r="P15" i="14"/>
  <c r="F15" i="14"/>
  <c r="I15" i="14"/>
  <c r="T16" i="14"/>
  <c r="O16" i="14"/>
  <c r="T17" i="14"/>
  <c r="O17" i="14"/>
  <c r="P17" i="14"/>
  <c r="T18" i="14"/>
  <c r="P18" i="14"/>
  <c r="F18" i="14"/>
  <c r="I18" i="14"/>
  <c r="T19" i="14"/>
  <c r="P19" i="14"/>
  <c r="F19" i="14"/>
  <c r="I19" i="14"/>
  <c r="O19" i="14"/>
  <c r="E19" i="14"/>
  <c r="T20" i="14"/>
  <c r="P20" i="14"/>
  <c r="F20" i="14"/>
  <c r="I20" i="14"/>
  <c r="T21" i="14"/>
  <c r="O21" i="14"/>
  <c r="E21" i="14"/>
  <c r="P21" i="14"/>
  <c r="F21" i="14"/>
  <c r="I21" i="14"/>
  <c r="T22" i="14"/>
  <c r="P22" i="14"/>
  <c r="F22" i="14"/>
  <c r="I22" i="14"/>
  <c r="T23" i="14"/>
  <c r="O23" i="14"/>
  <c r="E23" i="14"/>
  <c r="T24" i="14"/>
  <c r="P24" i="14"/>
  <c r="F24" i="14"/>
  <c r="I24" i="14"/>
  <c r="T25" i="14"/>
  <c r="O25" i="14"/>
  <c r="E25" i="14"/>
  <c r="P25" i="14"/>
  <c r="F25" i="14"/>
  <c r="I25" i="14"/>
  <c r="T26" i="14"/>
  <c r="P26" i="14"/>
  <c r="O26" i="14"/>
  <c r="T27" i="14"/>
  <c r="P27" i="14"/>
  <c r="F27" i="14"/>
  <c r="I27" i="14"/>
  <c r="T28" i="14"/>
  <c r="O28" i="14"/>
  <c r="E28" i="14"/>
  <c r="T29" i="14"/>
  <c r="O29" i="14"/>
  <c r="E29" i="14"/>
  <c r="P29" i="14"/>
  <c r="F29" i="14"/>
  <c r="I29" i="14"/>
  <c r="T30" i="14"/>
  <c r="O30" i="14"/>
  <c r="E30" i="14"/>
  <c r="P30" i="14"/>
  <c r="F30" i="14"/>
  <c r="I30" i="14"/>
  <c r="T31" i="14"/>
  <c r="O31" i="14"/>
  <c r="E31" i="14"/>
  <c r="P31" i="14"/>
  <c r="F31" i="14"/>
  <c r="I31" i="14"/>
  <c r="T32" i="14"/>
  <c r="T33" i="14"/>
  <c r="P33" i="14"/>
  <c r="F33" i="14"/>
  <c r="I33" i="14"/>
  <c r="T34" i="14"/>
  <c r="O34" i="14"/>
  <c r="E34" i="14"/>
  <c r="H34" i="14"/>
  <c r="T35" i="14"/>
  <c r="P35" i="14"/>
  <c r="F35" i="14"/>
  <c r="I35" i="14"/>
  <c r="T36" i="14"/>
  <c r="T37" i="14"/>
  <c r="O37" i="14"/>
  <c r="E37" i="14"/>
  <c r="P37" i="14"/>
  <c r="F37" i="14"/>
  <c r="I37" i="14"/>
  <c r="T38" i="14"/>
  <c r="P38" i="14"/>
  <c r="F38" i="14"/>
  <c r="I38" i="14"/>
  <c r="O38" i="14"/>
  <c r="E38" i="14"/>
  <c r="H38" i="14"/>
  <c r="T39" i="14"/>
  <c r="P39" i="14"/>
  <c r="F39" i="14"/>
  <c r="I39" i="14"/>
  <c r="T40" i="14"/>
  <c r="T41" i="14"/>
  <c r="O41" i="14"/>
  <c r="E41" i="14"/>
  <c r="P41" i="14"/>
  <c r="F41" i="14"/>
  <c r="I41" i="14"/>
  <c r="T42" i="14"/>
  <c r="O42" i="14"/>
  <c r="E42" i="14"/>
  <c r="H42" i="14"/>
  <c r="P42" i="14"/>
  <c r="F42" i="14"/>
  <c r="I42" i="14"/>
  <c r="T43" i="14"/>
  <c r="P43" i="14"/>
  <c r="F43" i="14"/>
  <c r="I43" i="14"/>
  <c r="T44" i="14"/>
  <c r="T45" i="14"/>
  <c r="P45" i="14"/>
  <c r="F45" i="14"/>
  <c r="I45" i="14"/>
  <c r="T46" i="14"/>
  <c r="O46" i="14"/>
  <c r="E46" i="14"/>
  <c r="H46" i="14"/>
  <c r="P46" i="14"/>
  <c r="F46" i="14"/>
  <c r="I46" i="14"/>
  <c r="T47" i="14"/>
  <c r="P47" i="14"/>
  <c r="F47" i="14"/>
  <c r="I47" i="14"/>
  <c r="T48" i="14"/>
  <c r="T49" i="14"/>
  <c r="P49" i="14"/>
  <c r="F49" i="14"/>
  <c r="I49" i="14"/>
  <c r="T50" i="14"/>
  <c r="O50" i="14"/>
  <c r="E50" i="14"/>
  <c r="H50" i="14"/>
  <c r="T51" i="14"/>
  <c r="P51" i="14"/>
  <c r="F51" i="14"/>
  <c r="I51" i="14"/>
  <c r="T52" i="14"/>
  <c r="T53" i="14"/>
  <c r="O53" i="14"/>
  <c r="E53" i="14"/>
  <c r="P53" i="14"/>
  <c r="F53" i="14"/>
  <c r="I53" i="14"/>
  <c r="T54" i="14"/>
  <c r="P54" i="14"/>
  <c r="F54" i="14"/>
  <c r="I54" i="14"/>
  <c r="O54" i="14"/>
  <c r="E54" i="14"/>
  <c r="H54" i="14"/>
  <c r="T55" i="14"/>
  <c r="O55" i="14"/>
  <c r="E55" i="14"/>
  <c r="H55" i="14"/>
  <c r="T56" i="14"/>
  <c r="O56" i="14"/>
  <c r="E56" i="14"/>
  <c r="H56" i="14"/>
  <c r="P56" i="14"/>
  <c r="F56" i="14"/>
  <c r="T57" i="14"/>
  <c r="T58" i="14"/>
  <c r="O58" i="14"/>
  <c r="E58" i="14"/>
  <c r="T60" i="14"/>
  <c r="O60" i="14"/>
  <c r="T61" i="14"/>
  <c r="P61" i="14"/>
  <c r="F61" i="14"/>
  <c r="I61" i="14"/>
  <c r="O61" i="14"/>
  <c r="E61" i="14"/>
  <c r="H61" i="14"/>
  <c r="J61" i="14"/>
  <c r="T62" i="14"/>
  <c r="P62" i="14"/>
  <c r="F62" i="14"/>
  <c r="I62" i="14"/>
  <c r="T63" i="14"/>
  <c r="T64" i="14"/>
  <c r="O64" i="14"/>
  <c r="E64" i="14"/>
  <c r="T65" i="14"/>
  <c r="P65" i="14"/>
  <c r="F65" i="14"/>
  <c r="I65" i="14"/>
  <c r="O65" i="14"/>
  <c r="E65" i="14"/>
  <c r="H65" i="14"/>
  <c r="J65" i="14"/>
  <c r="T66" i="14"/>
  <c r="P66" i="14"/>
  <c r="F66" i="14"/>
  <c r="I66" i="14"/>
  <c r="T67" i="14"/>
  <c r="O67" i="14"/>
  <c r="E67" i="14"/>
  <c r="T68" i="14"/>
  <c r="O68" i="14"/>
  <c r="E68" i="14"/>
  <c r="P68" i="14"/>
  <c r="F68" i="14"/>
  <c r="I68" i="14"/>
  <c r="T69" i="14"/>
  <c r="P69" i="14"/>
  <c r="F69" i="14"/>
  <c r="O69" i="14"/>
  <c r="E69" i="14"/>
  <c r="H69" i="14"/>
  <c r="T70" i="14"/>
  <c r="P70" i="14"/>
  <c r="F70" i="14"/>
  <c r="I70" i="14"/>
  <c r="T71" i="14"/>
  <c r="O71" i="14"/>
  <c r="E71" i="14"/>
  <c r="T72" i="14"/>
  <c r="O72" i="14"/>
  <c r="E72" i="14"/>
  <c r="P72" i="14"/>
  <c r="F72" i="14"/>
  <c r="I72" i="14"/>
  <c r="T73" i="14"/>
  <c r="O73" i="14"/>
  <c r="E73" i="14"/>
  <c r="H73" i="14"/>
  <c r="T74" i="14"/>
  <c r="P74" i="14"/>
  <c r="F74" i="14"/>
  <c r="I74" i="14"/>
  <c r="T75" i="14"/>
  <c r="O75" i="14"/>
  <c r="E75" i="14"/>
  <c r="T76" i="14"/>
  <c r="P76" i="14"/>
  <c r="F76" i="14"/>
  <c r="I76" i="14"/>
  <c r="T77" i="14"/>
  <c r="O77" i="14"/>
  <c r="E77" i="14"/>
  <c r="H77" i="14"/>
  <c r="P77" i="14"/>
  <c r="F77" i="14"/>
  <c r="T78" i="14"/>
  <c r="P78" i="14"/>
  <c r="F78" i="14"/>
  <c r="I78" i="14"/>
  <c r="T79" i="14"/>
  <c r="O79" i="14"/>
  <c r="E79" i="14"/>
  <c r="T80" i="14"/>
  <c r="P80" i="14"/>
  <c r="F80" i="14"/>
  <c r="I80" i="14"/>
  <c r="T81" i="14"/>
  <c r="O81" i="14"/>
  <c r="E81" i="14"/>
  <c r="H81" i="14"/>
  <c r="P81" i="14"/>
  <c r="F81" i="14"/>
  <c r="T82" i="14"/>
  <c r="P82" i="14"/>
  <c r="F82" i="14"/>
  <c r="I82" i="14"/>
  <c r="T83" i="14"/>
  <c r="O83" i="14"/>
  <c r="E83" i="14"/>
  <c r="T84" i="14"/>
  <c r="O84" i="14"/>
  <c r="E84" i="14"/>
  <c r="P84" i="14"/>
  <c r="F84" i="14"/>
  <c r="I84" i="14"/>
  <c r="T85" i="14"/>
  <c r="P85" i="14"/>
  <c r="F85" i="14"/>
  <c r="O85" i="14"/>
  <c r="E85" i="14"/>
  <c r="H85" i="14"/>
  <c r="T86" i="14"/>
  <c r="P86" i="14"/>
  <c r="F86" i="14"/>
  <c r="I86" i="14"/>
  <c r="T89" i="14"/>
  <c r="O89" i="14"/>
  <c r="E89" i="14"/>
  <c r="J63" i="15"/>
  <c r="Q20" i="15"/>
  <c r="R20" i="15"/>
  <c r="T20" i="15"/>
  <c r="O62" i="15"/>
  <c r="Q62" i="15"/>
  <c r="R62" i="15"/>
  <c r="T62" i="15"/>
  <c r="O64" i="15"/>
  <c r="Q64" i="15"/>
  <c r="R64" i="15"/>
  <c r="T64" i="15"/>
  <c r="J19" i="15"/>
  <c r="J21" i="15"/>
  <c r="J22" i="15"/>
  <c r="J23" i="15"/>
  <c r="J24" i="15"/>
  <c r="J25" i="15"/>
  <c r="J26" i="15"/>
  <c r="J27" i="15"/>
  <c r="J28" i="15"/>
  <c r="J29" i="15"/>
  <c r="J30" i="15"/>
  <c r="J31" i="15"/>
  <c r="J32" i="15"/>
  <c r="J33" i="15"/>
  <c r="J34" i="15"/>
  <c r="J35" i="15"/>
  <c r="J36" i="15"/>
  <c r="J37" i="15"/>
  <c r="J38" i="15"/>
  <c r="J39" i="15"/>
  <c r="J40" i="15"/>
  <c r="J41" i="15"/>
  <c r="J42" i="15"/>
  <c r="J43" i="15"/>
  <c r="J44" i="15"/>
  <c r="J45" i="15"/>
  <c r="J46" i="15"/>
  <c r="J47" i="15"/>
  <c r="J48" i="15"/>
  <c r="J49" i="15"/>
  <c r="J50" i="15"/>
  <c r="J51" i="15"/>
  <c r="J52" i="15"/>
  <c r="J53" i="15"/>
  <c r="J54" i="15"/>
  <c r="J55" i="15"/>
  <c r="J56" i="15"/>
  <c r="J57" i="15"/>
  <c r="J58" i="15"/>
  <c r="J59" i="15"/>
  <c r="J60" i="15"/>
  <c r="J61" i="15"/>
  <c r="R17" i="15"/>
  <c r="R16" i="15"/>
  <c r="J14" i="15"/>
  <c r="J15" i="15"/>
  <c r="J16" i="15"/>
  <c r="J17" i="15"/>
  <c r="F9" i="16"/>
  <c r="F22" i="16"/>
  <c r="L22" i="16"/>
  <c r="E31" i="16"/>
  <c r="I33" i="16"/>
  <c r="L26" i="16"/>
  <c r="L18" i="16"/>
  <c r="F32" i="16"/>
  <c r="O76" i="14"/>
  <c r="E76" i="14"/>
  <c r="H76" i="14"/>
  <c r="J76" i="14"/>
  <c r="P73" i="14"/>
  <c r="F73" i="14"/>
  <c r="P55" i="14"/>
  <c r="F55" i="14"/>
  <c r="G55" i="14"/>
  <c r="P50" i="14"/>
  <c r="F50" i="14"/>
  <c r="I50" i="14"/>
  <c r="O49" i="14"/>
  <c r="E49" i="14"/>
  <c r="H49" i="14"/>
  <c r="J49" i="14"/>
  <c r="P34" i="14"/>
  <c r="F34" i="14"/>
  <c r="I34" i="14"/>
  <c r="O33" i="14"/>
  <c r="E33" i="14"/>
  <c r="H33" i="14"/>
  <c r="J33" i="14"/>
  <c r="O20" i="14"/>
  <c r="E20" i="14"/>
  <c r="P16" i="14"/>
  <c r="P14" i="14"/>
  <c r="F14" i="14"/>
  <c r="G14" i="14"/>
  <c r="O13" i="14"/>
  <c r="E13" i="14"/>
  <c r="O80" i="14"/>
  <c r="E80" i="14"/>
  <c r="O66" i="14"/>
  <c r="E66" i="14"/>
  <c r="H66" i="14"/>
  <c r="O62" i="14"/>
  <c r="E62" i="14"/>
  <c r="H62" i="14"/>
  <c r="J62" i="14"/>
  <c r="O45" i="14"/>
  <c r="E45" i="14"/>
  <c r="O27" i="14"/>
  <c r="E27" i="14"/>
  <c r="O24" i="14"/>
  <c r="E24" i="14"/>
  <c r="G24" i="14"/>
  <c r="G21" i="14"/>
  <c r="G76" i="14"/>
  <c r="I77" i="14"/>
  <c r="J77" i="14"/>
  <c r="G77" i="14"/>
  <c r="H75" i="14"/>
  <c r="J66" i="14"/>
  <c r="I56" i="14"/>
  <c r="J56" i="14"/>
  <c r="G56" i="14"/>
  <c r="G84" i="14"/>
  <c r="H84" i="14"/>
  <c r="J84" i="14"/>
  <c r="I81" i="14"/>
  <c r="J81" i="14"/>
  <c r="G81" i="14"/>
  <c r="H79" i="14"/>
  <c r="G68" i="14"/>
  <c r="H68" i="14"/>
  <c r="J68" i="14"/>
  <c r="H64" i="14"/>
  <c r="P64" i="14"/>
  <c r="F64" i="14"/>
  <c r="I64" i="14"/>
  <c r="J64" i="14"/>
  <c r="I85" i="14"/>
  <c r="J85" i="14"/>
  <c r="G85" i="14"/>
  <c r="H83" i="14"/>
  <c r="G72" i="14"/>
  <c r="H72" i="14"/>
  <c r="J72" i="14"/>
  <c r="I69" i="14"/>
  <c r="J69" i="14"/>
  <c r="G69" i="14"/>
  <c r="H67" i="14"/>
  <c r="P58" i="14"/>
  <c r="F58" i="14"/>
  <c r="G58" i="14"/>
  <c r="H58" i="14"/>
  <c r="I73" i="14"/>
  <c r="J73" i="14"/>
  <c r="G73" i="14"/>
  <c r="I55" i="14"/>
  <c r="J55" i="14"/>
  <c r="H89" i="14"/>
  <c r="H71" i="14"/>
  <c r="G80" i="14"/>
  <c r="H80" i="14"/>
  <c r="J80" i="14"/>
  <c r="P89" i="14"/>
  <c r="F89" i="14"/>
  <c r="I89" i="14"/>
  <c r="O86" i="14"/>
  <c r="E86" i="14"/>
  <c r="O74" i="14"/>
  <c r="E74" i="14"/>
  <c r="P79" i="14"/>
  <c r="F79" i="14"/>
  <c r="I79" i="14"/>
  <c r="P75" i="14"/>
  <c r="F75" i="14"/>
  <c r="I75" i="14"/>
  <c r="P71" i="14"/>
  <c r="F71" i="14"/>
  <c r="I71" i="14"/>
  <c r="P67" i="14"/>
  <c r="F67" i="14"/>
  <c r="I67" i="14"/>
  <c r="J54" i="14"/>
  <c r="J46" i="14"/>
  <c r="J38" i="14"/>
  <c r="G33" i="14"/>
  <c r="G66" i="14"/>
  <c r="P63" i="14"/>
  <c r="F63" i="14"/>
  <c r="I63" i="14"/>
  <c r="O63" i="14"/>
  <c r="E63" i="14"/>
  <c r="G62" i="14"/>
  <c r="P60" i="14"/>
  <c r="G54" i="14"/>
  <c r="G50" i="14"/>
  <c r="G46" i="14"/>
  <c r="G42" i="14"/>
  <c r="G38" i="14"/>
  <c r="G34" i="14"/>
  <c r="H31" i="14"/>
  <c r="J31" i="14"/>
  <c r="G31" i="14"/>
  <c r="G30" i="14"/>
  <c r="H30" i="14"/>
  <c r="J30" i="14"/>
  <c r="H28" i="14"/>
  <c r="P28" i="14"/>
  <c r="F28" i="14"/>
  <c r="I28" i="14"/>
  <c r="J28" i="14"/>
  <c r="G25" i="14"/>
  <c r="J12" i="14"/>
  <c r="H53" i="14"/>
  <c r="J53" i="14"/>
  <c r="G53" i="14"/>
  <c r="G49" i="14"/>
  <c r="G45" i="14"/>
  <c r="H45" i="14"/>
  <c r="J45" i="14"/>
  <c r="G41" i="14"/>
  <c r="H41" i="14"/>
  <c r="J41" i="14"/>
  <c r="G37" i="14"/>
  <c r="H37" i="14"/>
  <c r="J37" i="14"/>
  <c r="O32" i="14"/>
  <c r="E32" i="14"/>
  <c r="P32" i="14"/>
  <c r="F32" i="14"/>
  <c r="I32" i="14"/>
  <c r="H20" i="14"/>
  <c r="J20" i="14"/>
  <c r="G20" i="14"/>
  <c r="I14" i="14"/>
  <c r="J14" i="14"/>
  <c r="G13" i="14"/>
  <c r="H13" i="14"/>
  <c r="J13" i="14"/>
  <c r="O82" i="14"/>
  <c r="E82" i="14"/>
  <c r="O78" i="14"/>
  <c r="E78" i="14"/>
  <c r="O70" i="14"/>
  <c r="E70" i="14"/>
  <c r="G65" i="14"/>
  <c r="G61" i="14"/>
  <c r="I58" i="14"/>
  <c r="O57" i="14"/>
  <c r="E57" i="14"/>
  <c r="P57" i="14"/>
  <c r="F57" i="14"/>
  <c r="I57" i="14"/>
  <c r="O52" i="14"/>
  <c r="E52" i="14"/>
  <c r="P52" i="14"/>
  <c r="F52" i="14"/>
  <c r="I52" i="14"/>
  <c r="O51" i="14"/>
  <c r="E51" i="14"/>
  <c r="O48" i="14"/>
  <c r="E48" i="14"/>
  <c r="P48" i="14"/>
  <c r="F48" i="14"/>
  <c r="I48" i="14"/>
  <c r="O47" i="14"/>
  <c r="E47" i="14"/>
  <c r="O44" i="14"/>
  <c r="E44" i="14"/>
  <c r="P44" i="14"/>
  <c r="F44" i="14"/>
  <c r="I44" i="14"/>
  <c r="O43" i="14"/>
  <c r="E43" i="14"/>
  <c r="O40" i="14"/>
  <c r="E40" i="14"/>
  <c r="P40" i="14"/>
  <c r="F40" i="14"/>
  <c r="I40" i="14"/>
  <c r="O39" i="14"/>
  <c r="E39" i="14"/>
  <c r="O36" i="14"/>
  <c r="E36" i="14"/>
  <c r="P36" i="14"/>
  <c r="F36" i="14"/>
  <c r="I36" i="14"/>
  <c r="O35" i="14"/>
  <c r="E35" i="14"/>
  <c r="H27" i="14"/>
  <c r="J27" i="14"/>
  <c r="G27" i="14"/>
  <c r="H24" i="14"/>
  <c r="J24" i="14"/>
  <c r="G19" i="14"/>
  <c r="H19" i="14"/>
  <c r="J19" i="14"/>
  <c r="P83" i="14"/>
  <c r="F83" i="14"/>
  <c r="I83" i="14"/>
  <c r="J50" i="14"/>
  <c r="J42" i="14"/>
  <c r="J34" i="14"/>
  <c r="G29" i="14"/>
  <c r="H29" i="14"/>
  <c r="J29" i="14"/>
  <c r="H23" i="14"/>
  <c r="I10" i="14"/>
  <c r="J10" i="14"/>
  <c r="G10" i="14"/>
  <c r="H25" i="14"/>
  <c r="J25" i="14"/>
  <c r="H21" i="14"/>
  <c r="J21" i="14"/>
  <c r="O15" i="14"/>
  <c r="E15" i="14"/>
  <c r="O11" i="14"/>
  <c r="E11" i="14"/>
  <c r="O22" i="14"/>
  <c r="E22" i="14"/>
  <c r="O18" i="14"/>
  <c r="E18" i="14"/>
  <c r="G12" i="14"/>
  <c r="P23" i="14"/>
  <c r="F23" i="14"/>
  <c r="I23" i="14"/>
  <c r="J58" i="14"/>
  <c r="J75" i="14"/>
  <c r="G75" i="14"/>
  <c r="J89" i="14"/>
  <c r="G89" i="14"/>
  <c r="H18" i="14"/>
  <c r="J18" i="14"/>
  <c r="G18" i="14"/>
  <c r="G40" i="14"/>
  <c r="H40" i="14"/>
  <c r="J40" i="14"/>
  <c r="H57" i="14"/>
  <c r="J57" i="14"/>
  <c r="G57" i="14"/>
  <c r="H22" i="14"/>
  <c r="J22" i="14"/>
  <c r="G22" i="14"/>
  <c r="J23" i="14"/>
  <c r="G36" i="14"/>
  <c r="H36" i="14"/>
  <c r="J36" i="14"/>
  <c r="H43" i="14"/>
  <c r="J43" i="14"/>
  <c r="G43" i="14"/>
  <c r="G52" i="14"/>
  <c r="H52" i="14"/>
  <c r="J52" i="14"/>
  <c r="H78" i="14"/>
  <c r="J78" i="14"/>
  <c r="G78" i="14"/>
  <c r="H86" i="14"/>
  <c r="J86" i="14"/>
  <c r="G86" i="14"/>
  <c r="J71" i="14"/>
  <c r="J67" i="14"/>
  <c r="G83" i="14"/>
  <c r="G64" i="14"/>
  <c r="J79" i="14"/>
  <c r="H11" i="14"/>
  <c r="G11" i="14"/>
  <c r="G23" i="14"/>
  <c r="H39" i="14"/>
  <c r="J39" i="14"/>
  <c r="G39" i="14"/>
  <c r="G48" i="14"/>
  <c r="H48" i="14"/>
  <c r="J48" i="14"/>
  <c r="H82" i="14"/>
  <c r="J82" i="14"/>
  <c r="G82" i="14"/>
  <c r="G28" i="14"/>
  <c r="G71" i="14"/>
  <c r="G67" i="14"/>
  <c r="G79" i="14"/>
  <c r="H35" i="14"/>
  <c r="J35" i="14"/>
  <c r="G35" i="14"/>
  <c r="G44" i="14"/>
  <c r="H44" i="14"/>
  <c r="J44" i="14"/>
  <c r="H51" i="14"/>
  <c r="J51" i="14"/>
  <c r="G51" i="14"/>
  <c r="G32" i="14"/>
  <c r="H32" i="14"/>
  <c r="J32" i="14"/>
  <c r="G63" i="14"/>
  <c r="H63" i="14"/>
  <c r="J63" i="14"/>
  <c r="H15" i="14"/>
  <c r="J15" i="14"/>
  <c r="G15" i="14"/>
  <c r="H74" i="14"/>
  <c r="J74" i="14"/>
  <c r="G74" i="14"/>
  <c r="J83" i="14"/>
  <c r="I91" i="14"/>
  <c r="H47" i="14"/>
  <c r="J47" i="14"/>
  <c r="G47" i="14"/>
  <c r="H70" i="14"/>
  <c r="J70" i="14"/>
  <c r="G70" i="14"/>
  <c r="K26" i="14"/>
  <c r="K60" i="14"/>
  <c r="J11" i="14"/>
  <c r="H90" i="14"/>
  <c r="K17" i="14"/>
  <c r="K9" i="14"/>
  <c r="K92" i="14"/>
  <c r="J92" i="14"/>
  <c r="K89" i="14"/>
  <c r="C19" i="18"/>
  <c r="C23" i="18"/>
  <c r="C16" i="18"/>
  <c r="C9" i="18"/>
  <c r="C25" i="18"/>
  <c r="E60" i="15"/>
  <c r="E61" i="15"/>
  <c r="E54" i="15"/>
  <c r="E55" i="15"/>
  <c r="E56" i="15"/>
  <c r="E57" i="15"/>
  <c r="E58" i="15"/>
  <c r="E59" i="15"/>
  <c r="E36" i="15"/>
  <c r="E37" i="15"/>
  <c r="E38" i="15"/>
  <c r="E39" i="15"/>
  <c r="E40" i="15"/>
  <c r="E41" i="15"/>
  <c r="E42" i="15"/>
  <c r="E43" i="15"/>
  <c r="E44" i="15"/>
  <c r="E45" i="15"/>
  <c r="E46" i="15"/>
  <c r="E47" i="15"/>
  <c r="E48" i="15"/>
  <c r="E49" i="15"/>
  <c r="E50" i="15"/>
  <c r="E51" i="15"/>
  <c r="E52" i="15"/>
  <c r="E53" i="15"/>
  <c r="J11" i="15"/>
  <c r="J12" i="15"/>
  <c r="N13" i="15"/>
  <c r="G5" i="15"/>
  <c r="G3" i="15"/>
  <c r="F33" i="16"/>
  <c r="I32" i="16"/>
  <c r="I34" i="16"/>
  <c r="F34" i="16"/>
  <c r="F35" i="16"/>
  <c r="I35" i="16"/>
</calcChain>
</file>

<file path=xl/sharedStrings.xml><?xml version="1.0" encoding="utf-8"?>
<sst xmlns="http://schemas.openxmlformats.org/spreadsheetml/2006/main" count="553" uniqueCount="332">
  <si>
    <r>
      <rPr>
        <b/>
        <sz val="14"/>
        <rFont val="Calibri"/>
        <family val="2"/>
        <scheme val="minor"/>
      </rPr>
      <t>ANEXO III-B- PLANILHA ORÇAMENTÁRIA</t>
    </r>
    <r>
      <rPr>
        <b/>
        <sz val="12"/>
        <rFont val="Calibri"/>
        <family val="2"/>
        <scheme val="minor"/>
      </rPr>
      <t xml:space="preserve">
MINISTÉRIO PÚBLICO FEDERAL
</t>
    </r>
    <r>
      <rPr>
        <sz val="10"/>
        <rFont val="Calibri"/>
        <family val="2"/>
        <scheme val="minor"/>
      </rPr>
      <t xml:space="preserve">PROCURADORIA DA REPÚBLICA EM ALAGOAS
</t>
    </r>
  </si>
  <si>
    <t>FOLHA Nº</t>
  </si>
  <si>
    <t>DATA BASE:</t>
  </si>
  <si>
    <t>DATA ORÇAMENTO:</t>
  </si>
  <si>
    <t>LOCAL:</t>
  </si>
  <si>
    <t>ARAPIRACA-AL</t>
  </si>
  <si>
    <t>OBJETO:</t>
  </si>
  <si>
    <t>CONTRATAÇÃO DE EMPRESA ESPECIALIZADA EM SERVIÇOS DE ENGENHARIA, PARA REFORMA/SUBSTITUIÇÃO DA INSTALAÇÃO ELÉTRICA DE BAIXA TENSÃO  DO EDIFÍCIO SEDE DA PRM-ARAPIRACA.</t>
  </si>
  <si>
    <t>ENCARGOS</t>
  </si>
  <si>
    <t>ITEM</t>
  </si>
  <si>
    <t>REFERÊNCIA</t>
  </si>
  <si>
    <t>CÓDIGO COMPOSIÇÃO</t>
  </si>
  <si>
    <t>DISCRIMINAÇÃO</t>
  </si>
  <si>
    <t>UNID.</t>
  </si>
  <si>
    <t>QUANT.</t>
  </si>
  <si>
    <t>PREÇO (R$)</t>
  </si>
  <si>
    <t>BDI
INCLUSO</t>
  </si>
  <si>
    <t>BDI</t>
  </si>
  <si>
    <t>UNITÁRIO</t>
  </si>
  <si>
    <t>TOTAL</t>
  </si>
  <si>
    <t>MOBILIZAÇÃO E DESMOBILIZAÇÃO</t>
  </si>
  <si>
    <t>CUSTO</t>
  </si>
  <si>
    <t>C / BDI</t>
  </si>
  <si>
    <t>1.1</t>
  </si>
  <si>
    <t>-</t>
  </si>
  <si>
    <t>MOBILIZAÇÃO DE PESSOAL, MÁQUINAS E EQUIPAMENTOS</t>
  </si>
  <si>
    <t>UND</t>
  </si>
  <si>
    <t>1.2</t>
  </si>
  <si>
    <t>DESMOBILIZAÇÃO DE PESSOAL, MÁQUINAS E EQUIPAMENTOS</t>
  </si>
  <si>
    <t>ADMINISTRAÇÃO LOCAL, OPERAÇÃO E MANUTENÇÃO DO CANTEIRO</t>
  </si>
  <si>
    <t>2.1</t>
  </si>
  <si>
    <t>ADMINISTRAÇÃO LOCAL</t>
  </si>
  <si>
    <t>MÊS</t>
  </si>
  <si>
    <t>2.2</t>
  </si>
  <si>
    <t>DESPESAS COM A MANUTENÇÃO E OPERACIONALIZAÇÃO DO CANTEIRO DE OBRAS</t>
  </si>
  <si>
    <t>2.3</t>
  </si>
  <si>
    <t>DESLOCAMENTO</t>
  </si>
  <si>
    <t>22 DIAS ÚTEIS</t>
  </si>
  <si>
    <t>2.4</t>
  </si>
  <si>
    <t>ALIMENTAÇÃO</t>
  </si>
  <si>
    <t>SERVIÇOS PRELIMINARES (OBRA CIVIL)</t>
  </si>
  <si>
    <t>MA</t>
  </si>
  <si>
    <t>MO</t>
  </si>
  <si>
    <t>MO + ENCARGOS</t>
  </si>
  <si>
    <t>MO+MA</t>
  </si>
  <si>
    <t>3.1</t>
  </si>
  <si>
    <t>SINAPI</t>
  </si>
  <si>
    <t>ABERTURA/FECHAMENTO RASGO ALVENARIA PARA TUBOS</t>
  </si>
  <si>
    <t>M</t>
  </si>
  <si>
    <t>INSTALAÇÕES ELÉTRICAS</t>
  </si>
  <si>
    <t>4.1</t>
  </si>
  <si>
    <t>CAIXA DE PASSAGEM PVC - 4X4"</t>
  </si>
  <si>
    <t>4.2</t>
  </si>
  <si>
    <t>CAIXA OCTOGONAL 3X3"</t>
  </si>
  <si>
    <t>4.3</t>
  </si>
  <si>
    <t>CAIXA 4X2" PVC</t>
  </si>
  <si>
    <t>4.4</t>
  </si>
  <si>
    <t>ELETRODUTO FLEXÍVEL 1"</t>
  </si>
  <si>
    <t>4.5</t>
  </si>
  <si>
    <t>ELETRODUTO FLEXIVEL 3/4"</t>
  </si>
  <si>
    <t>4.6</t>
  </si>
  <si>
    <t>ELETRODUTO RÍGIDO - 3/4"</t>
  </si>
  <si>
    <t>4.7</t>
  </si>
  <si>
    <t>ELETRODUTO RÍGIDO - 2"</t>
  </si>
  <si>
    <t>4.8</t>
  </si>
  <si>
    <t>INTERRUPTOR 02 SEÇÕES</t>
  </si>
  <si>
    <t>4.9</t>
  </si>
  <si>
    <t>INTERRUPTOR 03 SEÇÕES</t>
  </si>
  <si>
    <t>4.10</t>
  </si>
  <si>
    <t>INTERRUPTOR 01 SEÇÃO</t>
  </si>
  <si>
    <t>4.11</t>
  </si>
  <si>
    <t>74131/6</t>
  </si>
  <si>
    <t>QUADRO GERAL DE LUZ E FORÇA P/ 32 DISJUNTORES</t>
  </si>
  <si>
    <t>4.12</t>
  </si>
  <si>
    <t>74131/5</t>
  </si>
  <si>
    <t>QUADRO GERAL DE LUZ E FORÇA P/ 24 DISJUNTORES</t>
  </si>
  <si>
    <t>4.13</t>
  </si>
  <si>
    <t>TOMADA 2P+T - 20A</t>
  </si>
  <si>
    <t>4.14</t>
  </si>
  <si>
    <t>TOMADA P/ AR CONDICIONADO - 20 A</t>
  </si>
  <si>
    <t>4.15</t>
  </si>
  <si>
    <t>ORSE</t>
  </si>
  <si>
    <t>ELETROCALHA PERFURADA TETO - 50X50</t>
  </si>
  <si>
    <t>4.16</t>
  </si>
  <si>
    <t>4.17</t>
  </si>
  <si>
    <t>4.18</t>
  </si>
  <si>
    <t>4.19</t>
  </si>
  <si>
    <t>74130/1</t>
  </si>
  <si>
    <t>4.20</t>
  </si>
  <si>
    <t>4.21</t>
  </si>
  <si>
    <t>4.22</t>
  </si>
  <si>
    <t>74130/4</t>
  </si>
  <si>
    <t>4.23</t>
  </si>
  <si>
    <t>4.24</t>
  </si>
  <si>
    <t>4.25</t>
  </si>
  <si>
    <t>4.26</t>
  </si>
  <si>
    <t>73860/9</t>
  </si>
  <si>
    <t>4.27</t>
  </si>
  <si>
    <t>73860/12</t>
  </si>
  <si>
    <t>4.28</t>
  </si>
  <si>
    <t>73860/10</t>
  </si>
  <si>
    <t>4.29</t>
  </si>
  <si>
    <t>73860/8</t>
  </si>
  <si>
    <t>4.30</t>
  </si>
  <si>
    <t>73860/7</t>
  </si>
  <si>
    <t>4.31</t>
  </si>
  <si>
    <t>4.32</t>
  </si>
  <si>
    <t>4.33</t>
  </si>
  <si>
    <t>4.34</t>
  </si>
  <si>
    <t>4.35</t>
  </si>
  <si>
    <t>4.36</t>
  </si>
  <si>
    <t>4.37</t>
  </si>
  <si>
    <t>4.38</t>
  </si>
  <si>
    <t>4.39</t>
  </si>
  <si>
    <t>4.40</t>
  </si>
  <si>
    <t>4.41</t>
  </si>
  <si>
    <t>ENTREGA DA OBRA</t>
  </si>
  <si>
    <t>5.1</t>
  </si>
  <si>
    <t>LIMPEZA FINAL DA OBRA</t>
  </si>
  <si>
    <t>M2</t>
  </si>
  <si>
    <t>TOTAL GERAL MÁXIMO:</t>
  </si>
  <si>
    <t>Planilha Orçamentária</t>
  </si>
  <si>
    <t>Imp. MAT=</t>
  </si>
  <si>
    <t>MARGEM</t>
  </si>
  <si>
    <t>Imp. MO=</t>
  </si>
  <si>
    <t xml:space="preserve">Cliente: </t>
  </si>
  <si>
    <t>PGR ARAPIRACA</t>
  </si>
  <si>
    <t>BDI MAT=</t>
  </si>
  <si>
    <t xml:space="preserve">Objeto: </t>
  </si>
  <si>
    <t>Projeto Eletrico</t>
  </si>
  <si>
    <t>BDI MO=</t>
  </si>
  <si>
    <t>Item</t>
  </si>
  <si>
    <t>Descrição</t>
  </si>
  <si>
    <t>UN</t>
  </si>
  <si>
    <t>Qtde</t>
  </si>
  <si>
    <t>R$ / UN</t>
  </si>
  <si>
    <t>R$ / Item</t>
  </si>
  <si>
    <t>R$ / Grupo</t>
  </si>
  <si>
    <t>R$ MAT</t>
  </si>
  <si>
    <t>R$ SRV</t>
  </si>
  <si>
    <t>DIF</t>
  </si>
  <si>
    <t>%</t>
  </si>
  <si>
    <t>MAT</t>
  </si>
  <si>
    <t>SRV</t>
  </si>
  <si>
    <t>MAT+SRV</t>
  </si>
  <si>
    <t>ICMS</t>
  </si>
  <si>
    <t>Frete</t>
  </si>
  <si>
    <t>IPI</t>
  </si>
  <si>
    <t>Margem</t>
  </si>
  <si>
    <t>1.00</t>
  </si>
  <si>
    <t>Preliminares</t>
  </si>
  <si>
    <t>1.01</t>
  </si>
  <si>
    <t>ART para contratos até R$ 8.000,00</t>
  </si>
  <si>
    <t>TX</t>
  </si>
  <si>
    <t>1.02</t>
  </si>
  <si>
    <t>ART para contratos de 8.000,01 até R$ 15.000,00</t>
  </si>
  <si>
    <t>1.03</t>
  </si>
  <si>
    <t>ART para contratos maiores 15.000,00</t>
  </si>
  <si>
    <t>1.04</t>
  </si>
  <si>
    <t>PPRA - Programa de Prevenção de Riscos Ambientais</t>
  </si>
  <si>
    <t>SV</t>
  </si>
  <si>
    <t>1.05</t>
  </si>
  <si>
    <t>PCMSO - Programa de Controle Médico e Saúde Ocupacional</t>
  </si>
  <si>
    <t>1.06</t>
  </si>
  <si>
    <t>ASO - Atestado de Saúde Ocupacional</t>
  </si>
  <si>
    <t>2.00</t>
  </si>
  <si>
    <t>Implantação / Administração</t>
  </si>
  <si>
    <t>2.01</t>
  </si>
  <si>
    <t>Administração Pequenas Serviços</t>
  </si>
  <si>
    <t>VB</t>
  </si>
  <si>
    <t>2.02</t>
  </si>
  <si>
    <t>Deslocamento</t>
  </si>
  <si>
    <t>KM</t>
  </si>
  <si>
    <t>2.03</t>
  </si>
  <si>
    <t>Alimentação</t>
  </si>
  <si>
    <t>2.04</t>
  </si>
  <si>
    <t>Hospedagem Tipo 1</t>
  </si>
  <si>
    <t>2.05</t>
  </si>
  <si>
    <t>Hospedagem Tipo 2</t>
  </si>
  <si>
    <t>2.06</t>
  </si>
  <si>
    <t>Fretes e Carretos</t>
  </si>
  <si>
    <t>2.07</t>
  </si>
  <si>
    <t>Visita Técnica</t>
  </si>
  <si>
    <t>3.00</t>
  </si>
  <si>
    <t>ETAPA 3</t>
  </si>
  <si>
    <t>3.01</t>
  </si>
  <si>
    <t>Caixa de passagem na parede</t>
  </si>
  <si>
    <t>pc</t>
  </si>
  <si>
    <t>3.02</t>
  </si>
  <si>
    <t>Caixa para Medidor</t>
  </si>
  <si>
    <t>3.03</t>
  </si>
  <si>
    <t>Caixa Sextavada</t>
  </si>
  <si>
    <t>3.04</t>
  </si>
  <si>
    <t>Caixa 4x2"</t>
  </si>
  <si>
    <t>3.05</t>
  </si>
  <si>
    <t>Curva roscável macho - Rígido 3/4"</t>
  </si>
  <si>
    <t>3.06</t>
  </si>
  <si>
    <t>Curva roscável macho - Rígido 2"</t>
  </si>
  <si>
    <t>3.07</t>
  </si>
  <si>
    <t>Eletroduto Flexível 1"</t>
  </si>
  <si>
    <t>m</t>
  </si>
  <si>
    <t>3.08</t>
  </si>
  <si>
    <t>Eletroduto Flexível 3/4"</t>
  </si>
  <si>
    <t>3.09</t>
  </si>
  <si>
    <t>Eletroduto Rígido 3/4"</t>
  </si>
  <si>
    <t>3.10</t>
  </si>
  <si>
    <t>Eletroduto Rígido - Parede 2"</t>
  </si>
  <si>
    <t>3.11</t>
  </si>
  <si>
    <t>Luminária Fluorescente 2x28W</t>
  </si>
  <si>
    <t>3.12</t>
  </si>
  <si>
    <t>Luminária Fluorescente 2x40W</t>
  </si>
  <si>
    <t>3.13</t>
  </si>
  <si>
    <t>Interruptor de duas seções</t>
  </si>
  <si>
    <t>3.14</t>
  </si>
  <si>
    <t>Interruptor de três seções</t>
  </si>
  <si>
    <t>3.15</t>
  </si>
  <si>
    <t>Interruptor de uma seção</t>
  </si>
  <si>
    <t>3.16</t>
  </si>
  <si>
    <t>Luva roscável - Rígido 3/4"</t>
  </si>
  <si>
    <t>3.17</t>
  </si>
  <si>
    <t>Luva roscável - Rígido 2"</t>
  </si>
  <si>
    <t>3.18</t>
  </si>
  <si>
    <t>Quadro Geral de luz e força 36 din barramento 150A</t>
  </si>
  <si>
    <t>3.19</t>
  </si>
  <si>
    <t>Quadro Geral de luz e força 12 din barramento 150A</t>
  </si>
  <si>
    <t>3.20</t>
  </si>
  <si>
    <t>Quadro Parcial de luz e força</t>
  </si>
  <si>
    <t>3.21</t>
  </si>
  <si>
    <t>Refletor 150 w</t>
  </si>
  <si>
    <t>3.22</t>
  </si>
  <si>
    <t>saida para eletroduto Ø 3/4""-</t>
  </si>
  <si>
    <t>3.23</t>
  </si>
  <si>
    <t>saida para eletroduto Ø 1""-</t>
  </si>
  <si>
    <t>3.24</t>
  </si>
  <si>
    <t xml:space="preserve">Tomada 20 A </t>
  </si>
  <si>
    <t>3.25</t>
  </si>
  <si>
    <t>Tomada para Ar Condicionado Janela 18000 Btu's</t>
  </si>
  <si>
    <t>3.26</t>
  </si>
  <si>
    <t>Eletrocalha perfurada 'U' - Teto 50x50mm</t>
  </si>
  <si>
    <t>3.27</t>
  </si>
  <si>
    <t>Kit de Fixação Eletrocalha Eletrocalha perfurada 'U' - Teto 50x50mm</t>
  </si>
  <si>
    <t>CJ</t>
  </si>
  <si>
    <t>3.28</t>
  </si>
  <si>
    <t>Luva de Acabamento 50x50mm</t>
  </si>
  <si>
    <t>3.29</t>
  </si>
  <si>
    <t>Tê perfurado 50x50mm</t>
  </si>
  <si>
    <t>3.30</t>
  </si>
  <si>
    <t>Caixa T 1"" - 5 entradas</t>
  </si>
  <si>
    <t>3.31</t>
  </si>
  <si>
    <t>Caixa X 1"" - 5 entradas</t>
  </si>
  <si>
    <t>3.32</t>
  </si>
  <si>
    <t>Miscelaneas</t>
  </si>
  <si>
    <t>4.00</t>
  </si>
  <si>
    <t>4.01</t>
  </si>
  <si>
    <t>Cabo 1 KV - EPR - Fase25 mm2</t>
  </si>
  <si>
    <t>4.02</t>
  </si>
  <si>
    <t>Cabo 1 KV - EPR - Neutro25 mm2</t>
  </si>
  <si>
    <t>4.03</t>
  </si>
  <si>
    <t>Cabo 1 KV - EPR - Terra25 mm2</t>
  </si>
  <si>
    <t>4.04</t>
  </si>
  <si>
    <t>Disjuntor a seco - DIN1P20A</t>
  </si>
  <si>
    <t>4.05</t>
  </si>
  <si>
    <t>Disjuntor a seco - DIN1P25A</t>
  </si>
  <si>
    <t>4.06</t>
  </si>
  <si>
    <t>Disjuntor a seco - DIN1P10A</t>
  </si>
  <si>
    <t>4.07</t>
  </si>
  <si>
    <t>Disjuntor a seco - DIN3P63A</t>
  </si>
  <si>
    <t>4.08</t>
  </si>
  <si>
    <t>Disjuntor a seco - DIN3P90A</t>
  </si>
  <si>
    <t>4.09</t>
  </si>
  <si>
    <t>Disjuntor a seco - DIN3P32A</t>
  </si>
  <si>
    <t>DPS - 45kA45kA</t>
  </si>
  <si>
    <t>Fio cabo 750 V - PVC - Fase4 mm2</t>
  </si>
  <si>
    <t>Fio cabo 750 V - PVC - Fase16 mm²</t>
  </si>
  <si>
    <t>Fio cabo 750 V - PVC - Fase6 mm2</t>
  </si>
  <si>
    <t>Fio cabo 750 V - PVC - Fase2,5 mm2</t>
  </si>
  <si>
    <t>Fio cabo 750 V - PVC - Fase1,5 mm2</t>
  </si>
  <si>
    <t>Fio cabo 750 V - PVC - Neutro16 mm²</t>
  </si>
  <si>
    <t>Fio cabo 750 V - PVC - Neutro6 mm2</t>
  </si>
  <si>
    <t>Fio cabo 750 V - PVC - Neutro4 mm2</t>
  </si>
  <si>
    <t>Fio cabo 750 V - PVC - Neutro1,5 mm2</t>
  </si>
  <si>
    <t>Fio cabo 750 V - PVC - Neutro2,5 mm2</t>
  </si>
  <si>
    <t>Fio cabo 750 V - PVC - Retorno1,5 mm2</t>
  </si>
  <si>
    <t>Fio cabo 750 V - PVC - Terra4 mm2</t>
  </si>
  <si>
    <t>Fio cabo 750 V - PVC - Terra16 mm²</t>
  </si>
  <si>
    <t>Fio cabo 750 V - PVC - Terra6 mm2</t>
  </si>
  <si>
    <t>Fio cabo 750 V - PVC - Terra1,5 mm2</t>
  </si>
  <si>
    <t>Fio cabo 750 V - PVC - Terra2,5 mm2</t>
  </si>
  <si>
    <t>5.00</t>
  </si>
  <si>
    <t>TOTAIS</t>
  </si>
  <si>
    <t>5.01</t>
  </si>
  <si>
    <t>TOTAL Material / Equipammentos</t>
  </si>
  <si>
    <t>5.02</t>
  </si>
  <si>
    <t>TOTAL SERVIÇOS / SOFTWARE</t>
  </si>
  <si>
    <t>5.03</t>
  </si>
  <si>
    <t>TOTAL DA PROPOSTA</t>
  </si>
  <si>
    <t>_____________________________</t>
  </si>
  <si>
    <t>Logic Engenharia</t>
  </si>
  <si>
    <t>Eng. Julio Souza</t>
  </si>
  <si>
    <t>PLANILHA ORÇAMENTÁRIA
MINISTÉRIO PÚBLICO FEDERAL
PROCURADORIA DA REPÚBLICA EM ALAGOAS</t>
  </si>
  <si>
    <t>CONTRATAÇÃO DE EMPRESA ESPECIALIZADA EM SERVIÇOS DE ENGENHARIA, PARA REFORMA/SUBSTITUIÇÃO DA INSTALAÇÃO ELÉTRICA DE BAIXA TENSÃO  DO EDIFÍCIO                                            SEDE DA PRM-ARAPIRACA.</t>
  </si>
  <si>
    <t>ANEXO III-D-Cronograma Fisico-Financeiro</t>
  </si>
  <si>
    <t>VALORES</t>
  </si>
  <si>
    <t>30 dias</t>
  </si>
  <si>
    <t>20 dias</t>
  </si>
  <si>
    <t>60 dias</t>
  </si>
  <si>
    <t>10 dias</t>
  </si>
  <si>
    <t>TOTAL DA OBRA</t>
  </si>
  <si>
    <t>TOTAL  PARCIAL</t>
  </si>
  <si>
    <t>TOTAL ACUMULADO</t>
  </si>
  <si>
    <t>%  PARCIAL</t>
  </si>
  <si>
    <t>%  ACUMULADO</t>
  </si>
  <si>
    <t xml:space="preserve">OBRAS E SERVIÇOS DE ENGENHARIA </t>
  </si>
  <si>
    <t>ANEXO III-C-PLANILHA DE COMPOSIÇÃO DE BDI - OBRAS ATÉ R$ 150.000,00</t>
  </si>
  <si>
    <t>GRUPO A</t>
  </si>
  <si>
    <t>ADMINISTRAÇÃO CENTRAL</t>
  </si>
  <si>
    <t>RISCOS</t>
  </si>
  <si>
    <t xml:space="preserve">TOTAL DO GRUPO A </t>
  </si>
  <si>
    <t>GRUPO B</t>
  </si>
  <si>
    <t>SEGURO DE RISCO DE ENGENHARIA</t>
  </si>
  <si>
    <t>GARANTIA</t>
  </si>
  <si>
    <t>LUCRO BRUTO</t>
  </si>
  <si>
    <t>DESPESAS FINANCEIRAS</t>
  </si>
  <si>
    <t>TOTAL DO GRUPO B</t>
  </si>
  <si>
    <t>GRUPO C</t>
  </si>
  <si>
    <t xml:space="preserve">ISS </t>
  </si>
  <si>
    <t>PIS</t>
  </si>
  <si>
    <t>CONFINS</t>
  </si>
  <si>
    <r>
      <t xml:space="preserve">CPRB </t>
    </r>
    <r>
      <rPr>
        <b/>
        <i/>
        <sz val="9"/>
        <rFont val="Arial"/>
        <family val="2"/>
      </rPr>
      <t>(CONTRIBUIÇÃO PREVIDENCIÁRIA SOBRE  A RENDA BRUTA)</t>
    </r>
  </si>
  <si>
    <t>TOTAL DO GRUPO C</t>
  </si>
  <si>
    <t>OBS. ADOTADO CONFORME CF Nº 14700/DE/2012 E MC.Nº18440/DEEP/DFCC/2013.</t>
  </si>
  <si>
    <t>OBS. VALOR DO ISS ADOTADO CONFORME ART.60 § 1ºE § 4º DA LEI Nº 1357 29/12/2003 DO MUNICÍPIO DE ARAPIRACA/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0"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.00_);_(* \(#,##0.00\);_(* &quot;-&quot;??_);_(@_)"/>
    <numFmt numFmtId="165" formatCode="_(&quot;R$ &quot;* #,##0.00_);_(&quot;R$ &quot;* \(#,##0.00\);_(&quot;R$ &quot;* &quot;-&quot;??_);_(@_)"/>
    <numFmt numFmtId="166" formatCode="[$-416]d\ \ mmmm\,\ yyyy;@"/>
    <numFmt numFmtId="167" formatCode="#,##0.00\ ;&quot; (&quot;#,##0.00\);&quot; -&quot;#\ ;@\ "/>
    <numFmt numFmtId="168" formatCode="[$€]#,##0.00\ ;[$€]\(#,##0.00\);[$€]\-#\ "/>
    <numFmt numFmtId="169" formatCode="dd/mm/yy;@"/>
    <numFmt numFmtId="170" formatCode="_(* #,##0.00_);_(* \(#,##0.00\);_(* \-??_);_(@_)"/>
    <numFmt numFmtId="171" formatCode="0000"/>
    <numFmt numFmtId="172" formatCode="#,##0.00\ ;\(#,##0.00\)"/>
    <numFmt numFmtId="173" formatCode="0.0000%"/>
    <numFmt numFmtId="174" formatCode="_([$€-2]* #,##0.00_);_([$€-2]* \(#,##0.00\);_([$€-2]* &quot;-&quot;??_)"/>
    <numFmt numFmtId="175" formatCode="&quot; R$ &quot;#,##0.00\ ;&quot; R$ (&quot;#,##0.00\);&quot; R$ -&quot;#\ ;@\ "/>
    <numFmt numFmtId="176" formatCode="#,##0.000\ ;&quot; (&quot;#,##0.000\);&quot; -&quot;#\ ;@\ "/>
    <numFmt numFmtId="177" formatCode="_(&quot;R$ &quot;* #,##0.00_);_(&quot;R$ &quot;* \(#,##0.00\);_(&quot;R$ &quot;* \-??_);_(@_)"/>
    <numFmt numFmtId="178" formatCode="#,##0.00000000\ ;&quot; (&quot;#,##0.00000000\);&quot; -&quot;#\ ;@\ "/>
    <numFmt numFmtId="179" formatCode="_(&quot;R$&quot;* #,##0.00_);_(&quot;R$&quot;* \(#,##0.00\);_(&quot;R$&quot;* &quot;-&quot;??_);_(@_)"/>
    <numFmt numFmtId="180" formatCode="&quot;R$&quot;\ #,##0.00"/>
    <numFmt numFmtId="181" formatCode="000000000000000000"/>
  </numFmts>
  <fonts count="70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sz val="10"/>
      <name val="Arial"/>
      <family val="2"/>
    </font>
    <font>
      <sz val="11"/>
      <color indexed="62"/>
      <name val="Calibri"/>
      <family val="2"/>
    </font>
    <font>
      <i/>
      <sz val="11"/>
      <color indexed="23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u/>
      <sz val="10"/>
      <color indexed="12"/>
      <name val="Arial"/>
      <family val="2"/>
    </font>
    <font>
      <sz val="10"/>
      <color indexed="8"/>
      <name val="Arial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b/>
      <sz val="12"/>
      <name val="Verdana"/>
      <family val="2"/>
    </font>
    <font>
      <b/>
      <sz val="20"/>
      <name val="Verdana"/>
      <family val="2"/>
    </font>
    <font>
      <b/>
      <sz val="14"/>
      <name val="Arial"/>
      <family val="2"/>
    </font>
    <font>
      <b/>
      <sz val="10"/>
      <name val="Arial"/>
      <family val="2"/>
    </font>
    <font>
      <b/>
      <sz val="10"/>
      <color indexed="8"/>
      <name val="Arial"/>
      <family val="2"/>
    </font>
    <font>
      <sz val="8"/>
      <name val="Calibri"/>
      <family val="2"/>
    </font>
    <font>
      <sz val="10"/>
      <color indexed="8"/>
      <name val="ArialMT"/>
      <family val="2"/>
    </font>
    <font>
      <sz val="8"/>
      <name val="Arial"/>
      <family val="2"/>
    </font>
    <font>
      <b/>
      <sz val="12"/>
      <name val="Arial"/>
      <family val="2"/>
    </font>
    <font>
      <b/>
      <sz val="16"/>
      <name val="Arial"/>
      <family val="2"/>
    </font>
    <font>
      <b/>
      <i/>
      <sz val="10"/>
      <color indexed="8"/>
      <name val="Arial"/>
      <family val="2"/>
    </font>
    <font>
      <sz val="12"/>
      <name val="Arial"/>
      <family val="2"/>
    </font>
    <font>
      <sz val="9"/>
      <color indexed="10"/>
      <name val="Geneva"/>
    </font>
    <font>
      <sz val="10"/>
      <name val="Mangal"/>
      <family val="2"/>
    </font>
    <font>
      <sz val="12"/>
      <color indexed="8"/>
      <name val="Times New Roman"/>
      <family val="2"/>
    </font>
    <font>
      <sz val="10"/>
      <name val="Arial"/>
      <family val="2"/>
    </font>
    <font>
      <sz val="10"/>
      <color rgb="FF000000"/>
      <name val="Times New Roman"/>
      <family val="1"/>
    </font>
    <font>
      <sz val="10"/>
      <name val="Arial"/>
      <family val="2"/>
    </font>
    <font>
      <sz val="11"/>
      <name val="Calibri"/>
      <family val="2"/>
      <scheme val="minor"/>
    </font>
    <font>
      <sz val="11"/>
      <color rgb="FFFF000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sz val="12"/>
      <name val="Calibri"/>
      <family val="2"/>
      <scheme val="minor"/>
    </font>
    <font>
      <b/>
      <sz val="14"/>
      <name val="Calibri"/>
      <family val="2"/>
      <scheme val="minor"/>
    </font>
    <font>
      <sz val="12"/>
      <name val="Calibri"/>
      <family val="2"/>
      <scheme val="minor"/>
    </font>
    <font>
      <sz val="9"/>
      <name val="Calibri"/>
      <family val="2"/>
      <scheme val="minor"/>
    </font>
    <font>
      <sz val="10"/>
      <color theme="3"/>
      <name val="Calibri"/>
      <family val="2"/>
      <scheme val="minor"/>
    </font>
    <font>
      <sz val="10"/>
      <color rgb="FFFF0000"/>
      <name val="Calibri"/>
      <family val="2"/>
      <scheme val="minor"/>
    </font>
    <font>
      <sz val="12"/>
      <color rgb="FFFF0000"/>
      <name val="Arial"/>
      <family val="2"/>
    </font>
    <font>
      <b/>
      <sz val="11"/>
      <name val="Calibri"/>
      <family val="2"/>
      <scheme val="minor"/>
    </font>
    <font>
      <b/>
      <sz val="8"/>
      <name val="Times New Roman"/>
      <family val="1"/>
    </font>
    <font>
      <b/>
      <sz val="22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1"/>
      <name val="Arial"/>
      <family val="2"/>
    </font>
    <font>
      <b/>
      <sz val="11"/>
      <name val="Arial"/>
      <family val="2"/>
    </font>
    <font>
      <sz val="10"/>
      <color indexed="10"/>
      <name val="Arial"/>
      <family val="2"/>
    </font>
    <font>
      <b/>
      <i/>
      <sz val="9"/>
      <name val="Arial"/>
      <family val="2"/>
    </font>
    <font>
      <b/>
      <sz val="9"/>
      <color rgb="FFFF0000"/>
      <name val="Arial"/>
      <family val="2"/>
    </font>
    <font>
      <i/>
      <sz val="8"/>
      <name val="Arial"/>
      <family val="2"/>
    </font>
    <font>
      <b/>
      <sz val="11"/>
      <color indexed="10"/>
      <name val="Calibri"/>
      <family val="2"/>
    </font>
    <font>
      <sz val="11"/>
      <color indexed="19"/>
      <name val="Calibri"/>
      <family val="2"/>
    </font>
    <font>
      <b/>
      <sz val="18"/>
      <color indexed="62"/>
      <name val="Cambria"/>
      <family val="2"/>
    </font>
    <font>
      <b/>
      <sz val="13"/>
      <color indexed="62"/>
      <name val="Calibri"/>
      <family val="2"/>
    </font>
    <font>
      <b/>
      <sz val="11"/>
      <color indexed="62"/>
      <name val="Calibri"/>
      <family val="2"/>
    </font>
    <font>
      <sz val="14"/>
      <name val="Calibri"/>
      <family val="2"/>
      <scheme val="minor"/>
    </font>
  </fonts>
  <fills count="5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8"/>
        <bgColor indexed="58"/>
      </patternFill>
    </fill>
    <fill>
      <patternFill patternType="solid">
        <fgColor indexed="4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0" tint="-0.34998626667073579"/>
        <bgColor indexed="26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theme="0"/>
        <bgColor indexed="26"/>
      </patternFill>
    </fill>
    <fill>
      <patternFill patternType="solid">
        <fgColor theme="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indexed="44"/>
        <bgColor indexed="42"/>
      </patternFill>
    </fill>
    <fill>
      <patternFill patternType="solid">
        <fgColor indexed="29"/>
        <bgColor indexed="45"/>
      </patternFill>
    </fill>
    <fill>
      <patternFill patternType="solid">
        <fgColor indexed="26"/>
        <bgColor indexed="43"/>
      </patternFill>
    </fill>
    <fill>
      <patternFill patternType="solid">
        <fgColor indexed="31"/>
        <bgColor indexed="27"/>
      </patternFill>
    </fill>
    <fill>
      <patternFill patternType="solid">
        <fgColor indexed="42"/>
        <bgColor indexed="44"/>
      </patternFill>
    </fill>
    <fill>
      <patternFill patternType="solid">
        <fgColor indexed="43"/>
        <bgColor indexed="26"/>
      </patternFill>
    </fill>
    <fill>
      <patternFill patternType="solid">
        <fgColor indexed="45"/>
        <bgColor indexed="46"/>
      </patternFill>
    </fill>
    <fill>
      <patternFill patternType="solid">
        <fgColor indexed="25"/>
        <bgColor indexed="23"/>
      </patternFill>
    </fill>
    <fill>
      <patternFill patternType="solid">
        <fgColor indexed="50"/>
        <bgColor indexed="19"/>
      </patternFill>
    </fill>
    <fill>
      <patternFill patternType="solid">
        <fgColor indexed="9"/>
        <bgColor indexed="26"/>
      </patternFill>
    </fill>
    <fill>
      <patternFill patternType="solid">
        <fgColor indexed="55"/>
        <bgColor indexed="23"/>
      </patternFill>
    </fill>
    <fill>
      <patternFill patternType="solid">
        <fgColor indexed="48"/>
        <bgColor indexed="62"/>
      </patternFill>
    </fill>
    <fill>
      <patternFill patternType="solid">
        <fgColor indexed="54"/>
        <bgColor indexed="23"/>
      </patternFill>
    </fill>
    <fill>
      <patternFill patternType="solid">
        <fgColor indexed="49"/>
        <bgColor indexed="40"/>
      </patternFill>
    </fill>
    <fill>
      <patternFill patternType="solid">
        <fgColor indexed="10"/>
        <bgColor indexed="60"/>
      </patternFill>
    </fill>
    <fill>
      <patternFill patternType="solid">
        <fgColor indexed="46"/>
        <bgColor indexed="45"/>
      </patternFill>
    </fill>
    <fill>
      <patternFill patternType="solid">
        <fgColor rgb="FFC00000"/>
        <bgColor indexed="64"/>
      </patternFill>
    </fill>
  </fills>
  <borders count="125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medium">
        <color indexed="8"/>
      </right>
      <top/>
      <bottom style="thin">
        <color indexed="8"/>
      </bottom>
      <diagonal/>
    </border>
    <border>
      <left style="medium">
        <color indexed="64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medium">
        <color indexed="8"/>
      </right>
      <top style="thin">
        <color indexed="8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8"/>
      </right>
      <top/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/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medium">
        <color indexed="8"/>
      </left>
      <right/>
      <top style="thin">
        <color indexed="8"/>
      </top>
      <bottom style="medium">
        <color indexed="8"/>
      </bottom>
      <diagonal/>
    </border>
    <border>
      <left/>
      <right/>
      <top style="thin">
        <color indexed="8"/>
      </top>
      <bottom style="medium">
        <color auto="1"/>
      </bottom>
      <diagonal/>
    </border>
    <border>
      <left/>
      <right style="medium">
        <color indexed="8"/>
      </right>
      <top style="thin">
        <color indexed="8"/>
      </top>
      <bottom style="medium">
        <color auto="1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/>
      <right style="medium">
        <color indexed="8"/>
      </right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 style="thin">
        <color auto="1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/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8"/>
      </right>
      <top style="medium">
        <color auto="1"/>
      </top>
      <bottom/>
      <diagonal/>
    </border>
    <border>
      <left/>
      <right style="medium">
        <color indexed="8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double">
        <color indexed="8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medium">
        <color indexed="64"/>
      </left>
      <right style="double">
        <color indexed="8"/>
      </right>
      <top style="double">
        <color indexed="8"/>
      </top>
      <bottom style="hair">
        <color indexed="8"/>
      </bottom>
      <diagonal/>
    </border>
    <border>
      <left style="double">
        <color indexed="8"/>
      </left>
      <right style="double">
        <color indexed="8"/>
      </right>
      <top style="double">
        <color indexed="8"/>
      </top>
      <bottom style="hair">
        <color indexed="8"/>
      </bottom>
      <diagonal/>
    </border>
    <border>
      <left style="medium">
        <color indexed="64"/>
      </left>
      <right style="double">
        <color indexed="8"/>
      </right>
      <top/>
      <bottom style="hair">
        <color indexed="8"/>
      </bottom>
      <diagonal/>
    </border>
    <border>
      <left style="double">
        <color indexed="8"/>
      </left>
      <right style="double">
        <color indexed="8"/>
      </right>
      <top/>
      <bottom style="hair">
        <color indexed="8"/>
      </bottom>
      <diagonal/>
    </border>
    <border>
      <left style="medium">
        <color indexed="64"/>
      </left>
      <right style="double">
        <color indexed="8"/>
      </right>
      <top style="hair">
        <color indexed="8"/>
      </top>
      <bottom style="hair">
        <color indexed="8"/>
      </bottom>
      <diagonal/>
    </border>
    <border>
      <left style="double">
        <color indexed="8"/>
      </left>
      <right style="double">
        <color indexed="8"/>
      </right>
      <top style="hair">
        <color indexed="8"/>
      </top>
      <bottom style="hair">
        <color indexed="8"/>
      </bottom>
      <diagonal/>
    </border>
    <border>
      <left/>
      <right/>
      <top/>
      <bottom style="double">
        <color indexed="10"/>
      </bottom>
      <diagonal/>
    </border>
    <border>
      <left/>
      <right/>
      <top/>
      <bottom style="thick">
        <color indexed="42"/>
      </bottom>
      <diagonal/>
    </border>
    <border>
      <left/>
      <right/>
      <top/>
      <bottom style="medium">
        <color indexed="42"/>
      </bottom>
      <diagonal/>
    </border>
    <border>
      <left/>
      <right/>
      <top style="thin">
        <color indexed="48"/>
      </top>
      <bottom style="double">
        <color indexed="48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auto="1"/>
      </left>
      <right style="thin">
        <color auto="1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auto="1"/>
      </left>
      <right style="thin">
        <color auto="1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8"/>
      </left>
      <right/>
      <top style="medium">
        <color indexed="64"/>
      </top>
      <bottom/>
      <diagonal/>
    </border>
    <border>
      <left style="medium">
        <color indexed="8"/>
      </left>
      <right/>
      <top style="medium">
        <color indexed="8"/>
      </top>
      <bottom style="medium">
        <color indexed="8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8"/>
      </right>
      <top style="medium">
        <color auto="1"/>
      </top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/>
      <diagonal/>
    </border>
    <border>
      <left/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8"/>
      </top>
      <bottom style="medium">
        <color indexed="64"/>
      </bottom>
      <diagonal/>
    </border>
    <border>
      <left/>
      <right/>
      <top style="medium">
        <color indexed="8"/>
      </top>
      <bottom style="medium">
        <color indexed="64"/>
      </bottom>
      <diagonal/>
    </border>
    <border>
      <left/>
      <right style="medium">
        <color indexed="64"/>
      </right>
      <top style="medium">
        <color indexed="8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592">
    <xf numFmtId="0" fontId="0" fillId="0" borderId="0"/>
    <xf numFmtId="167" fontId="31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4" borderId="0" applyNumberFormat="0" applyBorder="0" applyAlignment="0" applyProtection="0"/>
    <xf numFmtId="0" fontId="8" fillId="20" borderId="1" applyNumberFormat="0" applyAlignment="0" applyProtection="0"/>
    <xf numFmtId="0" fontId="8" fillId="20" borderId="1" applyNumberFormat="0" applyAlignment="0" applyProtection="0"/>
    <xf numFmtId="0" fontId="9" fillId="21" borderId="2" applyNumberFormat="0" applyAlignment="0" applyProtection="0"/>
    <xf numFmtId="0" fontId="10" fillId="0" borderId="3" applyNumberFormat="0" applyFill="0" applyAlignment="0" applyProtection="0"/>
    <xf numFmtId="0" fontId="9" fillId="21" borderId="2" applyNumberFormat="0" applyAlignment="0" applyProtection="0"/>
    <xf numFmtId="164" fontId="11" fillId="0" borderId="0" applyFont="0" applyFill="0" applyBorder="0" applyAlignment="0" applyProtection="0"/>
    <xf numFmtId="164" fontId="3" fillId="0" borderId="0" applyFont="0" applyFill="0" applyBorder="0" applyAlignment="0" applyProtection="0"/>
    <xf numFmtId="165" fontId="11" fillId="0" borderId="0" applyFont="0" applyFill="0" applyBorder="0" applyAlignment="0" applyProtection="0"/>
    <xf numFmtId="165" fontId="3" fillId="0" borderId="0" applyFont="0" applyFill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12" fillId="7" borderId="1" applyNumberFormat="0" applyAlignment="0" applyProtection="0"/>
    <xf numFmtId="0" fontId="36" fillId="0" borderId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168" fontId="37" fillId="0" borderId="0" applyFill="0" applyBorder="0" applyAlignment="0" applyProtection="0"/>
    <xf numFmtId="0" fontId="13" fillId="0" borderId="0" applyNumberFormat="0" applyFill="0" applyBorder="0" applyAlignment="0" applyProtection="0"/>
    <xf numFmtId="0" fontId="7" fillId="4" borderId="0" applyNumberFormat="0" applyBorder="0" applyAlignment="0" applyProtection="0"/>
    <xf numFmtId="0" fontId="14" fillId="0" borderId="4" applyNumberFormat="0" applyFill="0" applyAlignment="0" applyProtection="0"/>
    <xf numFmtId="0" fontId="15" fillId="0" borderId="5" applyNumberFormat="0" applyFill="0" applyAlignment="0" applyProtection="0"/>
    <xf numFmtId="0" fontId="16" fillId="0" borderId="6" applyNumberFormat="0" applyFill="0" applyAlignment="0" applyProtection="0"/>
    <xf numFmtId="0" fontId="16" fillId="0" borderId="0" applyNumberFormat="0" applyFill="0" applyBorder="0" applyAlignment="0" applyProtection="0"/>
    <xf numFmtId="168" fontId="17" fillId="0" borderId="0" applyNumberFormat="0" applyFill="0" applyBorder="0" applyAlignment="0" applyProtection="0"/>
    <xf numFmtId="0" fontId="17" fillId="0" borderId="0" applyNumberFormat="0" applyFill="0" applyBorder="0" applyAlignment="0" applyProtection="0">
      <alignment vertical="top"/>
      <protection locked="0"/>
    </xf>
    <xf numFmtId="168" fontId="17" fillId="0" borderId="0" applyNumberFormat="0" applyFill="0" applyBorder="0" applyAlignment="0" applyProtection="0">
      <alignment vertical="top"/>
      <protection locked="0"/>
    </xf>
    <xf numFmtId="168" fontId="17" fillId="0" borderId="0" applyNumberFormat="0" applyFill="0" applyBorder="0" applyAlignment="0" applyProtection="0">
      <alignment vertical="top"/>
      <protection locked="0"/>
    </xf>
    <xf numFmtId="0" fontId="17" fillId="0" borderId="0" applyNumberFormat="0" applyFill="0" applyBorder="0" applyAlignment="0" applyProtection="0">
      <alignment vertical="top"/>
      <protection locked="0"/>
    </xf>
    <xf numFmtId="168" fontId="17" fillId="0" borderId="0" applyNumberFormat="0" applyFill="0" applyBorder="0" applyAlignment="0" applyProtection="0"/>
    <xf numFmtId="0" fontId="17" fillId="0" borderId="0" applyNumberFormat="0" applyFill="0" applyBorder="0" applyAlignment="0" applyProtection="0">
      <alignment vertical="top"/>
      <protection locked="0"/>
    </xf>
    <xf numFmtId="0" fontId="6" fillId="3" borderId="0" applyNumberFormat="0" applyBorder="0" applyAlignment="0" applyProtection="0"/>
    <xf numFmtId="0" fontId="12" fillId="7" borderId="1" applyNumberFormat="0" applyAlignment="0" applyProtection="0"/>
    <xf numFmtId="0" fontId="10" fillId="0" borderId="3" applyNumberFormat="0" applyFill="0" applyAlignment="0" applyProtection="0"/>
    <xf numFmtId="165" fontId="11" fillId="0" borderId="0" applyFont="0" applyFill="0" applyBorder="0" applyAlignment="0" applyProtection="0"/>
    <xf numFmtId="165" fontId="11" fillId="0" borderId="0" applyFont="0" applyFill="0" applyBorder="0" applyAlignment="0" applyProtection="0"/>
    <xf numFmtId="165" fontId="3" fillId="0" borderId="0" applyFont="0" applyFill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1" fillId="0" borderId="0"/>
    <xf numFmtId="0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0" fontId="11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35" fillId="0" borderId="0"/>
    <xf numFmtId="168" fontId="35" fillId="0" borderId="0"/>
    <xf numFmtId="168" fontId="35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35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4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0" fontId="11" fillId="0" borderId="0"/>
    <xf numFmtId="168" fontId="11" fillId="0" borderId="0"/>
    <xf numFmtId="168" fontId="11" fillId="0" borderId="0"/>
    <xf numFmtId="168" fontId="11" fillId="0" borderId="0"/>
    <xf numFmtId="168" fontId="11" fillId="0" borderId="0"/>
    <xf numFmtId="0" fontId="11" fillId="0" borderId="0"/>
    <xf numFmtId="0" fontId="4" fillId="0" borderId="0"/>
    <xf numFmtId="0" fontId="4" fillId="0" borderId="0"/>
    <xf numFmtId="0" fontId="4" fillId="0" borderId="0"/>
    <xf numFmtId="0" fontId="11" fillId="0" borderId="0"/>
    <xf numFmtId="0" fontId="3" fillId="0" borderId="0"/>
    <xf numFmtId="0" fontId="4" fillId="0" borderId="0"/>
    <xf numFmtId="0" fontId="11" fillId="0" borderId="0"/>
    <xf numFmtId="168" fontId="11" fillId="0" borderId="0"/>
    <xf numFmtId="168" fontId="11" fillId="0" borderId="0"/>
    <xf numFmtId="168" fontId="35" fillId="0" borderId="0"/>
    <xf numFmtId="168" fontId="35" fillId="0" borderId="0"/>
    <xf numFmtId="0" fontId="35" fillId="0" borderId="0"/>
    <xf numFmtId="0" fontId="4" fillId="0" borderId="0"/>
    <xf numFmtId="168" fontId="35" fillId="0" borderId="0"/>
    <xf numFmtId="168" fontId="35" fillId="0" borderId="0"/>
    <xf numFmtId="0" fontId="35" fillId="0" borderId="0"/>
    <xf numFmtId="0" fontId="11" fillId="0" borderId="0"/>
    <xf numFmtId="0" fontId="11" fillId="0" borderId="0" applyNumberFormat="0"/>
    <xf numFmtId="168" fontId="35" fillId="0" borderId="0"/>
    <xf numFmtId="0" fontId="35" fillId="0" borderId="0"/>
    <xf numFmtId="0" fontId="11" fillId="0" borderId="0"/>
    <xf numFmtId="0" fontId="4" fillId="0" borderId="0"/>
    <xf numFmtId="0" fontId="4" fillId="0" borderId="0"/>
    <xf numFmtId="0" fontId="4" fillId="0" borderId="0"/>
    <xf numFmtId="168" fontId="4" fillId="0" borderId="0"/>
    <xf numFmtId="168" fontId="4" fillId="0" borderId="0"/>
    <xf numFmtId="0" fontId="4" fillId="0" borderId="0"/>
    <xf numFmtId="168" fontId="4" fillId="0" borderId="0"/>
    <xf numFmtId="168" fontId="4" fillId="0" borderId="0"/>
    <xf numFmtId="0" fontId="4" fillId="0" borderId="0"/>
    <xf numFmtId="168" fontId="4" fillId="0" borderId="0"/>
    <xf numFmtId="168" fontId="4" fillId="0" borderId="0"/>
    <xf numFmtId="168" fontId="4" fillId="0" borderId="0"/>
    <xf numFmtId="168" fontId="4" fillId="0" borderId="0"/>
    <xf numFmtId="0" fontId="4" fillId="0" borderId="0"/>
    <xf numFmtId="168" fontId="4" fillId="0" borderId="0"/>
    <xf numFmtId="168" fontId="4" fillId="0" borderId="0"/>
    <xf numFmtId="0" fontId="4" fillId="0" borderId="0"/>
    <xf numFmtId="168" fontId="4" fillId="0" borderId="0"/>
    <xf numFmtId="168" fontId="4" fillId="0" borderId="0"/>
    <xf numFmtId="0" fontId="4" fillId="0" borderId="0"/>
    <xf numFmtId="168" fontId="4" fillId="0" borderId="0"/>
    <xf numFmtId="168" fontId="4" fillId="0" borderId="0"/>
    <xf numFmtId="168" fontId="4" fillId="0" borderId="0"/>
    <xf numFmtId="168" fontId="4" fillId="0" borderId="0"/>
    <xf numFmtId="0" fontId="11" fillId="0" borderId="0"/>
    <xf numFmtId="168" fontId="11" fillId="0" borderId="0"/>
    <xf numFmtId="168" fontId="11" fillId="0" borderId="0"/>
    <xf numFmtId="168" fontId="35" fillId="0" borderId="0"/>
    <xf numFmtId="168" fontId="35" fillId="0" borderId="0"/>
    <xf numFmtId="0" fontId="35" fillId="0" borderId="0"/>
    <xf numFmtId="0" fontId="38" fillId="0" borderId="0"/>
    <xf numFmtId="0" fontId="11" fillId="0" borderId="0"/>
    <xf numFmtId="168" fontId="11" fillId="0" borderId="0"/>
    <xf numFmtId="168" fontId="11" fillId="0" borderId="0"/>
    <xf numFmtId="168" fontId="35" fillId="0" borderId="0"/>
    <xf numFmtId="168" fontId="35" fillId="0" borderId="0"/>
    <xf numFmtId="0" fontId="35" fillId="0" borderId="0"/>
    <xf numFmtId="0" fontId="11" fillId="0" borderId="0"/>
    <xf numFmtId="168" fontId="11" fillId="0" borderId="0"/>
    <xf numFmtId="168" fontId="11" fillId="0" borderId="0"/>
    <xf numFmtId="0" fontId="3" fillId="0" borderId="0"/>
    <xf numFmtId="0" fontId="18" fillId="0" borderId="0"/>
    <xf numFmtId="0" fontId="3" fillId="0" borderId="0"/>
    <xf numFmtId="0" fontId="18" fillId="23" borderId="7" applyNumberFormat="0" applyFont="0" applyAlignment="0" applyProtection="0"/>
    <xf numFmtId="0" fontId="4" fillId="23" borderId="7" applyNumberFormat="0" applyFont="0" applyAlignment="0" applyProtection="0"/>
    <xf numFmtId="0" fontId="20" fillId="20" borderId="8" applyNumberFormat="0" applyAlignment="0" applyProtection="0"/>
    <xf numFmtId="0" fontId="37" fillId="24" borderId="0" applyNumberFormat="0" applyBorder="0" applyAlignment="0" applyProtection="0"/>
    <xf numFmtId="168" fontId="37" fillId="24" borderId="0" applyNumberFormat="0" applyBorder="0" applyAlignment="0" applyProtection="0"/>
    <xf numFmtId="168" fontId="37" fillId="24" borderId="0" applyNumberFormat="0" applyBorder="0" applyAlignment="0" applyProtection="0"/>
    <xf numFmtId="9" fontId="11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37" fillId="0" borderId="0" applyNumberFormat="0" applyBorder="0" applyAlignment="0"/>
    <xf numFmtId="168" fontId="37" fillId="0" borderId="0" applyNumberFormat="0" applyBorder="0" applyAlignment="0"/>
    <xf numFmtId="168" fontId="37" fillId="0" borderId="0" applyNumberFormat="0" applyBorder="0" applyAlignment="0"/>
    <xf numFmtId="9" fontId="11" fillId="0" borderId="0" applyFont="0" applyFill="0" applyBorder="0" applyAlignment="0" applyProtection="0"/>
    <xf numFmtId="9" fontId="11" fillId="0" borderId="0" applyFill="0" applyBorder="0" applyAlignment="0" applyProtection="0"/>
    <xf numFmtId="9" fontId="37" fillId="0" borderId="0" applyFill="0" applyBorder="0" applyAlignment="0" applyProtection="0"/>
    <xf numFmtId="9" fontId="37" fillId="0" borderId="0" applyFill="0" applyBorder="0" applyAlignment="0" applyProtection="0"/>
    <xf numFmtId="9" fontId="11" fillId="0" borderId="0" applyFill="0" applyBorder="0" applyAlignment="0" applyProtection="0"/>
    <xf numFmtId="9" fontId="11" fillId="0" borderId="0" applyFont="0" applyFill="0" applyBorder="0" applyAlignment="0" applyProtection="0"/>
    <xf numFmtId="9" fontId="39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0" fillId="20" borderId="8" applyNumberFormat="0" applyAlignment="0" applyProtection="0"/>
    <xf numFmtId="43" fontId="3" fillId="0" borderId="0" applyFont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70" fontId="11" fillId="0" borderId="0" applyFill="0" applyBorder="0" applyAlignment="0" applyProtection="0"/>
    <xf numFmtId="167" fontId="37" fillId="0" borderId="0" applyFill="0" applyBorder="0" applyAlignment="0" applyProtection="0"/>
    <xf numFmtId="167" fontId="37" fillId="0" borderId="0" applyFill="0" applyBorder="0" applyAlignment="0" applyProtection="0"/>
    <xf numFmtId="169" fontId="37" fillId="0" borderId="0" applyFill="0" applyBorder="0" applyAlignment="0" applyProtection="0"/>
    <xf numFmtId="164" fontId="11" fillId="0" borderId="0" applyFont="0" applyFill="0" applyBorder="0" applyAlignment="0" applyProtection="0"/>
    <xf numFmtId="164" fontId="11" fillId="0" borderId="0" applyFont="0" applyFill="0" applyBorder="0" applyAlignment="0" applyProtection="0"/>
    <xf numFmtId="164" fontId="4" fillId="0" borderId="0" applyFont="0" applyFill="0" applyBorder="0" applyAlignment="0" applyProtection="0"/>
    <xf numFmtId="0" fontId="21" fillId="0" borderId="0" applyNumberFormat="0" applyFill="0" applyBorder="0" applyAlignment="0" applyProtection="0"/>
    <xf numFmtId="0" fontId="13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14" fillId="0" borderId="4" applyNumberFormat="0" applyFill="0" applyAlignment="0" applyProtection="0"/>
    <xf numFmtId="0" fontId="14" fillId="0" borderId="4" applyNumberFormat="0" applyFill="0" applyAlignment="0" applyProtection="0"/>
    <xf numFmtId="168" fontId="14" fillId="0" borderId="4" applyNumberFormat="0" applyFill="0" applyAlignment="0" applyProtection="0"/>
    <xf numFmtId="168" fontId="14" fillId="0" borderId="4" applyNumberFormat="0" applyFill="0" applyAlignment="0" applyProtection="0"/>
    <xf numFmtId="168" fontId="14" fillId="0" borderId="4" applyNumberFormat="0" applyFill="0" applyAlignment="0" applyProtection="0"/>
    <xf numFmtId="0" fontId="14" fillId="0" borderId="4" applyNumberFormat="0" applyFill="0" applyAlignment="0" applyProtection="0"/>
    <xf numFmtId="0" fontId="15" fillId="0" borderId="5" applyNumberFormat="0" applyFill="0" applyAlignment="0" applyProtection="0"/>
    <xf numFmtId="0" fontId="16" fillId="0" borderId="6" applyNumberFormat="0" applyFill="0" applyAlignment="0" applyProtection="0"/>
    <xf numFmtId="0" fontId="16" fillId="0" borderId="0" applyNumberFormat="0" applyFill="0" applyBorder="0" applyAlignment="0" applyProtection="0"/>
    <xf numFmtId="0" fontId="23" fillId="0" borderId="9" applyNumberFormat="0" applyFill="0" applyAlignment="0" applyProtection="0"/>
    <xf numFmtId="164" fontId="11" fillId="0" borderId="0" applyFont="0" applyFill="0" applyBorder="0" applyAlignment="0" applyProtection="0"/>
    <xf numFmtId="164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164" fontId="39" fillId="0" borderId="0" applyFont="0" applyFill="0" applyBorder="0" applyAlignment="0" applyProtection="0"/>
    <xf numFmtId="164" fontId="3" fillId="0" borderId="0" applyFont="0" applyFill="0" applyBorder="0" applyAlignment="0" applyProtection="0"/>
    <xf numFmtId="0" fontId="21" fillId="0" borderId="0" applyNumberFormat="0" applyFill="0" applyBorder="0" applyAlignment="0" applyProtection="0"/>
    <xf numFmtId="164" fontId="3" fillId="0" borderId="0" applyFill="0" applyBorder="0" applyAlignment="0" applyProtection="0"/>
    <xf numFmtId="43" fontId="3" fillId="0" borderId="0" applyFont="0" applyFill="0" applyBorder="0" applyAlignment="0" applyProtection="0"/>
    <xf numFmtId="0" fontId="40" fillId="0" borderId="0"/>
    <xf numFmtId="43" fontId="40" fillId="0" borderId="0" applyFont="0" applyFill="0" applyBorder="0" applyAlignment="0" applyProtection="0"/>
    <xf numFmtId="43" fontId="41" fillId="0" borderId="0" applyFont="0" applyFill="0" applyBorder="0" applyAlignment="0" applyProtection="0"/>
    <xf numFmtId="164" fontId="41" fillId="0" borderId="0" applyFont="0" applyFill="0" applyBorder="0" applyAlignment="0" applyProtection="0"/>
    <xf numFmtId="0" fontId="35" fillId="0" borderId="0"/>
    <xf numFmtId="164" fontId="31" fillId="0" borderId="0"/>
    <xf numFmtId="0" fontId="27" fillId="0" borderId="0">
      <alignment horizontal="left" vertical="center"/>
    </xf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0" fontId="17" fillId="0" borderId="0" applyNumberFormat="0" applyFill="0" applyBorder="0" applyAlignment="0" applyProtection="0"/>
    <xf numFmtId="0" fontId="17" fillId="0" borderId="0" applyNumberFormat="0" applyFill="0" applyBorder="0" applyAlignment="0" applyProtection="0"/>
    <xf numFmtId="168" fontId="17" fillId="0" borderId="0" applyNumberFormat="0" applyFill="0" applyBorder="0" applyAlignment="0" applyProtection="0"/>
    <xf numFmtId="175" fontId="37" fillId="0" borderId="0" applyFill="0" applyBorder="0" applyAlignment="0" applyProtection="0"/>
    <xf numFmtId="165" fontId="3" fillId="0" borderId="0" applyFont="0" applyFill="0" applyBorder="0" applyAlignment="0" applyProtection="0"/>
    <xf numFmtId="176" fontId="3" fillId="0" borderId="0" applyFill="0" applyBorder="0" applyAlignment="0" applyProtection="0"/>
    <xf numFmtId="165" fontId="3" fillId="0" borderId="0" applyFont="0" applyFill="0" applyBorder="0" applyAlignment="0" applyProtection="0"/>
    <xf numFmtId="177" fontId="3" fillId="0" borderId="0" applyFill="0" applyBorder="0" applyAlignment="0" applyProtection="0"/>
    <xf numFmtId="177" fontId="3" fillId="0" borderId="0" applyFill="0" applyBorder="0" applyAlignment="0" applyProtection="0"/>
    <xf numFmtId="168" fontId="3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8" fontId="35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3" fillId="0" borderId="0"/>
    <xf numFmtId="168" fontId="3" fillId="0" borderId="0"/>
    <xf numFmtId="0" fontId="3" fillId="0" borderId="0"/>
    <xf numFmtId="0" fontId="3" fillId="0" borderId="0"/>
    <xf numFmtId="0" fontId="3" fillId="0" borderId="0"/>
    <xf numFmtId="0" fontId="35" fillId="0" borderId="0"/>
    <xf numFmtId="0" fontId="27" fillId="35" borderId="10" applyNumberFormat="0" applyFont="0" applyBorder="0" applyAlignment="0" applyProtection="0">
      <alignment horizontal="center"/>
    </xf>
    <xf numFmtId="0" fontId="54" fillId="0" borderId="47" applyNumberFormat="0" applyFont="0" applyBorder="0" applyAlignment="0"/>
    <xf numFmtId="9" fontId="3" fillId="0" borderId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78" fontId="3" fillId="0" borderId="0" applyFill="0" applyBorder="0" applyAlignment="0" applyProtection="0"/>
    <xf numFmtId="170" fontId="3" fillId="0" borderId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0" fontId="14" fillId="0" borderId="4" applyNumberFormat="0" applyFill="0" applyAlignment="0" applyProtection="0"/>
    <xf numFmtId="44" fontId="3" fillId="0" borderId="0" applyFont="0" applyFill="0" applyBorder="0" applyAlignment="0" applyProtection="0"/>
    <xf numFmtId="0" fontId="1" fillId="0" borderId="0"/>
    <xf numFmtId="0" fontId="3" fillId="0" borderId="0"/>
    <xf numFmtId="181" fontId="35" fillId="0" borderId="0" applyFill="0" applyBorder="0" applyAlignment="0" applyProtection="0"/>
    <xf numFmtId="9" fontId="1" fillId="0" borderId="0" applyFont="0" applyFill="0" applyBorder="0" applyAlignment="0" applyProtection="0"/>
    <xf numFmtId="0" fontId="4" fillId="40" borderId="0" applyNumberFormat="0" applyBorder="0" applyAlignment="0" applyProtection="0"/>
    <xf numFmtId="0" fontId="4" fillId="41" borderId="0" applyNumberFormat="0" applyBorder="0" applyAlignment="0" applyProtection="0"/>
    <xf numFmtId="0" fontId="4" fillId="42" borderId="0" applyNumberFormat="0" applyBorder="0" applyAlignment="0" applyProtection="0"/>
    <xf numFmtId="0" fontId="4" fillId="43" borderId="0" applyNumberFormat="0" applyBorder="0" applyAlignment="0" applyProtection="0"/>
    <xf numFmtId="0" fontId="4" fillId="44" borderId="0" applyNumberFormat="0" applyBorder="0" applyAlignment="0" applyProtection="0"/>
    <xf numFmtId="0" fontId="4" fillId="42" borderId="0" applyNumberFormat="0" applyBorder="0" applyAlignment="0" applyProtection="0"/>
    <xf numFmtId="0" fontId="4" fillId="44" borderId="0" applyNumberFormat="0" applyBorder="0" applyAlignment="0" applyProtection="0"/>
    <xf numFmtId="0" fontId="4" fillId="41" borderId="0" applyNumberFormat="0" applyBorder="0" applyAlignment="0" applyProtection="0"/>
    <xf numFmtId="0" fontId="4" fillId="45" borderId="0" applyNumberFormat="0" applyBorder="0" applyAlignment="0" applyProtection="0"/>
    <xf numFmtId="0" fontId="4" fillId="46" borderId="0" applyNumberFormat="0" applyBorder="0" applyAlignment="0" applyProtection="0"/>
    <xf numFmtId="0" fontId="4" fillId="44" borderId="0" applyNumberFormat="0" applyBorder="0" applyAlignment="0" applyProtection="0"/>
    <xf numFmtId="0" fontId="4" fillId="42" borderId="0" applyNumberFormat="0" applyBorder="0" applyAlignment="0" applyProtection="0"/>
    <xf numFmtId="0" fontId="5" fillId="44" borderId="0" applyNumberFormat="0" applyBorder="0" applyAlignment="0" applyProtection="0"/>
    <xf numFmtId="0" fontId="5" fillId="47" borderId="0" applyNumberFormat="0" applyBorder="0" applyAlignment="0" applyProtection="0"/>
    <xf numFmtId="0" fontId="5" fillId="48" borderId="0" applyNumberFormat="0" applyBorder="0" applyAlignment="0" applyProtection="0"/>
    <xf numFmtId="0" fontId="5" fillId="46" borderId="0" applyNumberFormat="0" applyBorder="0" applyAlignment="0" applyProtection="0"/>
    <xf numFmtId="0" fontId="5" fillId="44" borderId="0" applyNumberFormat="0" applyBorder="0" applyAlignment="0" applyProtection="0"/>
    <xf numFmtId="0" fontId="5" fillId="41" borderId="0" applyNumberFormat="0" applyBorder="0" applyAlignment="0" applyProtection="0"/>
    <xf numFmtId="0" fontId="7" fillId="44" borderId="0" applyNumberFormat="0" applyBorder="0" applyAlignment="0" applyProtection="0"/>
    <xf numFmtId="0" fontId="64" fillId="49" borderId="1" applyNumberFormat="0" applyAlignment="0" applyProtection="0"/>
    <xf numFmtId="0" fontId="9" fillId="50" borderId="2" applyNumberFormat="0" applyAlignment="0" applyProtection="0"/>
    <xf numFmtId="0" fontId="21" fillId="0" borderId="89" applyNumberFormat="0" applyFill="0" applyAlignment="0" applyProtection="0"/>
    <xf numFmtId="0" fontId="5" fillId="51" borderId="0" applyNumberFormat="0" applyBorder="0" applyAlignment="0" applyProtection="0"/>
    <xf numFmtId="0" fontId="5" fillId="47" borderId="0" applyNumberFormat="0" applyBorder="0" applyAlignment="0" applyProtection="0"/>
    <xf numFmtId="0" fontId="5" fillId="48" borderId="0" applyNumberFormat="0" applyBorder="0" applyAlignment="0" applyProtection="0"/>
    <xf numFmtId="0" fontId="5" fillId="52" borderId="0" applyNumberFormat="0" applyBorder="0" applyAlignment="0" applyProtection="0"/>
    <xf numFmtId="0" fontId="5" fillId="53" borderId="0" applyNumberFormat="0" applyBorder="0" applyAlignment="0" applyProtection="0"/>
    <xf numFmtId="0" fontId="5" fillId="54" borderId="0" applyNumberFormat="0" applyBorder="0" applyAlignment="0" applyProtection="0"/>
    <xf numFmtId="0" fontId="12" fillId="45" borderId="1" applyNumberFormat="0" applyAlignment="0" applyProtection="0"/>
    <xf numFmtId="0" fontId="6" fillId="55" borderId="0" applyNumberFormat="0" applyBorder="0" applyAlignment="0" applyProtection="0"/>
    <xf numFmtId="0" fontId="65" fillId="45" borderId="0" applyNumberFormat="0" applyBorder="0" applyAlignment="0" applyProtection="0"/>
    <xf numFmtId="0" fontId="35" fillId="42" borderId="7" applyNumberFormat="0" applyAlignment="0" applyProtection="0"/>
    <xf numFmtId="0" fontId="20" fillId="49" borderId="8" applyNumberFormat="0" applyAlignment="0" applyProtection="0"/>
    <xf numFmtId="0" fontId="21" fillId="0" borderId="0" applyNumberFormat="0" applyFill="0" applyBorder="0" applyAlignment="0" applyProtection="0"/>
    <xf numFmtId="0" fontId="13" fillId="0" borderId="0" applyNumberFormat="0" applyFill="0" applyBorder="0" applyAlignment="0" applyProtection="0"/>
    <xf numFmtId="0" fontId="66" fillId="0" borderId="0" applyNumberFormat="0" applyFill="0" applyBorder="0" applyAlignment="0" applyProtection="0"/>
    <xf numFmtId="0" fontId="67" fillId="0" borderId="90" applyNumberFormat="0" applyFill="0" applyAlignment="0" applyProtection="0"/>
    <xf numFmtId="0" fontId="68" fillId="0" borderId="91" applyNumberFormat="0" applyFill="0" applyAlignment="0" applyProtection="0"/>
    <xf numFmtId="0" fontId="68" fillId="0" borderId="91" applyNumberFormat="0" applyFill="0" applyAlignment="0" applyProtection="0"/>
    <xf numFmtId="0" fontId="68" fillId="0" borderId="0" applyNumberFormat="0" applyFill="0" applyBorder="0" applyAlignment="0" applyProtection="0"/>
    <xf numFmtId="0" fontId="23" fillId="0" borderId="92" applyNumberFormat="0" applyFill="0" applyAlignment="0" applyProtection="0"/>
  </cellStyleXfs>
  <cellXfs count="401">
    <xf numFmtId="0" fontId="0" fillId="0" borderId="0" xfId="0"/>
    <xf numFmtId="0" fontId="24" fillId="0" borderId="0" xfId="417" applyFont="1" applyBorder="1" applyAlignment="1">
      <alignment horizontal="left"/>
    </xf>
    <xf numFmtId="0" fontId="25" fillId="0" borderId="0" xfId="417" applyFont="1" applyBorder="1" applyAlignment="1">
      <alignment horizontal="left"/>
    </xf>
    <xf numFmtId="0" fontId="11" fillId="0" borderId="0" xfId="317" applyFont="1" applyFill="1" applyBorder="1" applyAlignment="1">
      <alignment horizontal="center"/>
    </xf>
    <xf numFmtId="0" fontId="11" fillId="0" borderId="0" xfId="317" applyFont="1" applyFill="1" applyBorder="1"/>
    <xf numFmtId="164" fontId="11" fillId="0" borderId="0" xfId="455" applyFont="1" applyFill="1" applyBorder="1"/>
    <xf numFmtId="165" fontId="18" fillId="0" borderId="0" xfId="53" applyFont="1" applyFill="1" applyBorder="1"/>
    <xf numFmtId="9" fontId="18" fillId="0" borderId="0" xfId="426" applyFont="1" applyFill="1" applyBorder="1" applyAlignment="1">
      <alignment horizontal="center"/>
    </xf>
    <xf numFmtId="164" fontId="26" fillId="0" borderId="0" xfId="455" applyFont="1" applyFill="1" applyBorder="1" applyAlignment="1">
      <alignment horizontal="right" vertical="top"/>
    </xf>
    <xf numFmtId="0" fontId="27" fillId="0" borderId="0" xfId="317" applyFont="1" applyFill="1" applyBorder="1" applyAlignment="1">
      <alignment horizontal="right" vertical="top"/>
    </xf>
    <xf numFmtId="0" fontId="27" fillId="0" borderId="0" xfId="317" applyFont="1" applyFill="1" applyBorder="1" applyAlignment="1">
      <alignment horizontal="left" vertical="top"/>
    </xf>
    <xf numFmtId="0" fontId="27" fillId="0" borderId="0" xfId="317" applyFont="1" applyFill="1" applyBorder="1" applyAlignment="1">
      <alignment horizontal="center" vertical="top"/>
    </xf>
    <xf numFmtId="0" fontId="27" fillId="0" borderId="0" xfId="317" applyFont="1" applyFill="1" applyBorder="1" applyAlignment="1">
      <alignment horizontal="center" vertical="justify"/>
    </xf>
    <xf numFmtId="0" fontId="27" fillId="0" borderId="0" xfId="317" applyFont="1" applyFill="1" applyBorder="1" applyAlignment="1">
      <alignment horizontal="left" vertical="justify"/>
    </xf>
    <xf numFmtId="0" fontId="27" fillId="0" borderId="0" xfId="317" applyFont="1" applyFill="1" applyBorder="1" applyAlignment="1">
      <alignment horizontal="center" vertical="top" wrapText="1"/>
    </xf>
    <xf numFmtId="0" fontId="30" fillId="0" borderId="0" xfId="418" applyFont="1" applyFill="1" applyBorder="1" applyAlignment="1">
      <alignment horizontal="center"/>
    </xf>
    <xf numFmtId="164" fontId="18" fillId="0" borderId="10" xfId="51" applyFont="1" applyFill="1" applyBorder="1"/>
    <xf numFmtId="164" fontId="18" fillId="0" borderId="0" xfId="51" applyFont="1" applyFill="1" applyBorder="1"/>
    <xf numFmtId="164" fontId="18" fillId="0" borderId="11" xfId="51" applyFont="1" applyFill="1" applyBorder="1"/>
    <xf numFmtId="9" fontId="18" fillId="0" borderId="10" xfId="426" applyFont="1" applyFill="1" applyBorder="1" applyAlignment="1">
      <alignment horizontal="center"/>
    </xf>
    <xf numFmtId="164" fontId="18" fillId="0" borderId="12" xfId="51" applyFont="1" applyFill="1" applyBorder="1"/>
    <xf numFmtId="164" fontId="27" fillId="25" borderId="10" xfId="455" applyFont="1" applyFill="1" applyBorder="1" applyAlignment="1">
      <alignment horizontal="center"/>
    </xf>
    <xf numFmtId="43" fontId="27" fillId="25" borderId="10" xfId="440" applyFont="1" applyFill="1" applyBorder="1" applyAlignment="1">
      <alignment horizontal="center"/>
    </xf>
    <xf numFmtId="164" fontId="28" fillId="0" borderId="0" xfId="455" applyFont="1" applyFill="1" applyBorder="1"/>
    <xf numFmtId="165" fontId="27" fillId="0" borderId="10" xfId="53" applyFont="1" applyFill="1" applyBorder="1" applyAlignment="1">
      <alignment horizontal="center"/>
    </xf>
    <xf numFmtId="9" fontId="27" fillId="0" borderId="10" xfId="426" applyFont="1" applyFill="1" applyBorder="1" applyAlignment="1">
      <alignment horizontal="center"/>
    </xf>
    <xf numFmtId="164" fontId="18" fillId="0" borderId="14" xfId="51" applyFont="1" applyFill="1" applyBorder="1"/>
    <xf numFmtId="164" fontId="18" fillId="0" borderId="15" xfId="51" applyFont="1" applyFill="1" applyBorder="1"/>
    <xf numFmtId="0" fontId="27" fillId="0" borderId="0" xfId="417" applyFont="1" applyBorder="1" applyAlignment="1">
      <alignment horizontal="center" wrapText="1"/>
    </xf>
    <xf numFmtId="43" fontId="18" fillId="25" borderId="10" xfId="440" applyFont="1" applyFill="1" applyBorder="1" applyAlignment="1"/>
    <xf numFmtId="43" fontId="18" fillId="25" borderId="10" xfId="440" applyFont="1" applyFill="1" applyBorder="1" applyAlignment="1">
      <alignment wrapText="1"/>
    </xf>
    <xf numFmtId="164" fontId="18" fillId="25" borderId="10" xfId="455" applyFont="1" applyFill="1" applyBorder="1" applyAlignment="1">
      <alignment wrapText="1"/>
    </xf>
    <xf numFmtId="0" fontId="27" fillId="0" borderId="10" xfId="317" applyFont="1" applyFill="1" applyBorder="1" applyAlignment="1">
      <alignment horizontal="center"/>
    </xf>
    <xf numFmtId="164" fontId="27" fillId="0" borderId="10" xfId="455" applyFont="1" applyFill="1" applyBorder="1" applyAlignment="1">
      <alignment horizontal="center"/>
    </xf>
    <xf numFmtId="164" fontId="18" fillId="0" borderId="10" xfId="455" applyFont="1" applyFill="1" applyBorder="1"/>
    <xf numFmtId="0" fontId="28" fillId="0" borderId="10" xfId="418" applyFont="1" applyFill="1" applyBorder="1" applyAlignment="1">
      <alignment horizontal="center"/>
    </xf>
    <xf numFmtId="164" fontId="27" fillId="0" borderId="10" xfId="51" applyFont="1" applyFill="1" applyBorder="1" applyAlignment="1">
      <alignment horizontal="center"/>
    </xf>
    <xf numFmtId="0" fontId="32" fillId="0" borderId="0" xfId="417" applyFont="1" applyBorder="1" applyAlignment="1">
      <alignment horizontal="left"/>
    </xf>
    <xf numFmtId="0" fontId="33" fillId="0" borderId="0" xfId="417" applyFont="1" applyBorder="1" applyAlignment="1">
      <alignment horizontal="left"/>
    </xf>
    <xf numFmtId="0" fontId="18" fillId="0" borderId="10" xfId="418" applyFont="1" applyFill="1" applyBorder="1" applyAlignment="1">
      <alignment horizontal="center"/>
    </xf>
    <xf numFmtId="0" fontId="18" fillId="0" borderId="10" xfId="418" applyFont="1" applyFill="1" applyBorder="1" applyAlignment="1">
      <alignment horizontal="left" wrapText="1"/>
    </xf>
    <xf numFmtId="0" fontId="34" fillId="0" borderId="10" xfId="418" applyFont="1" applyFill="1" applyBorder="1" applyAlignment="1">
      <alignment horizontal="center"/>
    </xf>
    <xf numFmtId="0" fontId="34" fillId="0" borderId="10" xfId="418" applyFont="1" applyFill="1" applyBorder="1" applyAlignment="1">
      <alignment horizontal="left" wrapText="1"/>
    </xf>
    <xf numFmtId="0" fontId="18" fillId="0" borderId="0" xfId="418" applyFont="1" applyFill="1" applyBorder="1" applyAlignment="1">
      <alignment horizontal="center"/>
    </xf>
    <xf numFmtId="0" fontId="28" fillId="0" borderId="18" xfId="418" applyFont="1" applyFill="1" applyBorder="1" applyAlignment="1">
      <alignment horizontal="center"/>
    </xf>
    <xf numFmtId="0" fontId="18" fillId="0" borderId="0" xfId="418" applyFont="1" applyFill="1" applyBorder="1" applyAlignment="1"/>
    <xf numFmtId="0" fontId="28" fillId="0" borderId="0" xfId="418" applyFont="1" applyFill="1" applyBorder="1" applyAlignment="1">
      <alignment horizontal="left" wrapText="1"/>
    </xf>
    <xf numFmtId="0" fontId="28" fillId="0" borderId="0" xfId="418" applyFont="1" applyFill="1" applyBorder="1" applyAlignment="1">
      <alignment horizontal="center"/>
    </xf>
    <xf numFmtId="0" fontId="18" fillId="0" borderId="0" xfId="418" applyFont="1" applyFill="1" applyBorder="1" applyAlignment="1">
      <alignment horizontal="right"/>
    </xf>
    <xf numFmtId="10" fontId="18" fillId="27" borderId="10" xfId="426" applyNumberFormat="1" applyFont="1" applyFill="1" applyBorder="1" applyAlignment="1">
      <alignment horizontal="center"/>
    </xf>
    <xf numFmtId="166" fontId="35" fillId="0" borderId="0" xfId="419" applyNumberFormat="1" applyFont="1" applyFill="1" applyAlignment="1">
      <alignment horizontal="center" wrapText="1"/>
    </xf>
    <xf numFmtId="49" fontId="27" fillId="0" borderId="0" xfId="317" applyNumberFormat="1" applyFont="1" applyFill="1" applyBorder="1" applyAlignment="1">
      <alignment horizontal="left" vertical="top"/>
    </xf>
    <xf numFmtId="0" fontId="3" fillId="0" borderId="10" xfId="0" applyNumberFormat="1" applyFont="1" applyBorder="1" applyAlignment="1">
      <alignment horizontal="left" wrapText="1"/>
    </xf>
    <xf numFmtId="0" fontId="27" fillId="0" borderId="10" xfId="317" applyFont="1" applyFill="1" applyBorder="1" applyAlignment="1"/>
    <xf numFmtId="164" fontId="28" fillId="0" borderId="14" xfId="455" applyFont="1" applyFill="1" applyBorder="1"/>
    <xf numFmtId="164" fontId="28" fillId="0" borderId="15" xfId="455" applyFont="1" applyFill="1" applyBorder="1"/>
    <xf numFmtId="0" fontId="0" fillId="0" borderId="10" xfId="0" applyBorder="1"/>
    <xf numFmtId="0" fontId="27" fillId="0" borderId="10" xfId="317" applyFont="1" applyFill="1" applyBorder="1"/>
    <xf numFmtId="164" fontId="27" fillId="0" borderId="10" xfId="51" applyFont="1" applyFill="1" applyBorder="1"/>
    <xf numFmtId="164" fontId="27" fillId="0" borderId="10" xfId="51" applyFont="1" applyFill="1" applyBorder="1" applyAlignment="1">
      <alignment horizontal="left"/>
    </xf>
    <xf numFmtId="164" fontId="18" fillId="0" borderId="10" xfId="51" applyFont="1" applyFill="1" applyBorder="1" applyAlignment="1">
      <alignment horizontal="left"/>
    </xf>
    <xf numFmtId="0" fontId="0" fillId="0" borderId="10" xfId="0" quotePrefix="1" applyBorder="1"/>
    <xf numFmtId="10" fontId="18" fillId="28" borderId="10" xfId="426" applyNumberFormat="1" applyFont="1" applyFill="1" applyBorder="1" applyAlignment="1">
      <alignment horizontal="center"/>
    </xf>
    <xf numFmtId="10" fontId="18" fillId="29" borderId="10" xfId="426" applyNumberFormat="1" applyFont="1" applyFill="1" applyBorder="1" applyAlignment="1">
      <alignment horizontal="center"/>
    </xf>
    <xf numFmtId="0" fontId="34" fillId="30" borderId="10" xfId="418" applyFont="1" applyFill="1" applyBorder="1" applyAlignment="1">
      <alignment horizontal="center"/>
    </xf>
    <xf numFmtId="0" fontId="34" fillId="30" borderId="10" xfId="418" applyFont="1" applyFill="1" applyBorder="1" applyAlignment="1">
      <alignment horizontal="left" wrapText="1"/>
    </xf>
    <xf numFmtId="0" fontId="28" fillId="30" borderId="10" xfId="418" applyFont="1" applyFill="1" applyBorder="1" applyAlignment="1">
      <alignment horizontal="center"/>
    </xf>
    <xf numFmtId="0" fontId="18" fillId="30" borderId="10" xfId="418" applyFont="1" applyFill="1" applyBorder="1" applyAlignment="1">
      <alignment horizontal="center"/>
    </xf>
    <xf numFmtId="164" fontId="27" fillId="30" borderId="10" xfId="455" applyFont="1" applyFill="1" applyBorder="1" applyAlignment="1">
      <alignment horizontal="center"/>
    </xf>
    <xf numFmtId="164" fontId="27" fillId="30" borderId="10" xfId="51" applyFont="1" applyFill="1" applyBorder="1" applyAlignment="1">
      <alignment horizontal="center"/>
    </xf>
    <xf numFmtId="164" fontId="27" fillId="30" borderId="10" xfId="51" applyFont="1" applyFill="1" applyBorder="1" applyAlignment="1">
      <alignment horizontal="left"/>
    </xf>
    <xf numFmtId="0" fontId="18" fillId="30" borderId="16" xfId="418" applyFont="1" applyFill="1" applyBorder="1" applyAlignment="1">
      <alignment horizontal="center"/>
    </xf>
    <xf numFmtId="164" fontId="27" fillId="30" borderId="19" xfId="455" applyFont="1" applyFill="1" applyBorder="1" applyAlignment="1">
      <alignment horizontal="center"/>
    </xf>
    <xf numFmtId="164" fontId="27" fillId="30" borderId="20" xfId="455" applyFont="1" applyFill="1" applyBorder="1" applyAlignment="1">
      <alignment horizontal="center"/>
    </xf>
    <xf numFmtId="164" fontId="27" fillId="30" borderId="21" xfId="455" applyFont="1" applyFill="1" applyBorder="1" applyAlignment="1">
      <alignment horizontal="center"/>
    </xf>
    <xf numFmtId="164" fontId="27" fillId="30" borderId="19" xfId="51" applyFont="1" applyFill="1" applyBorder="1" applyAlignment="1">
      <alignment horizontal="center"/>
    </xf>
    <xf numFmtId="164" fontId="27" fillId="30" borderId="20" xfId="51" applyFont="1" applyFill="1" applyBorder="1" applyAlignment="1">
      <alignment horizontal="center"/>
    </xf>
    <xf numFmtId="164" fontId="27" fillId="30" borderId="21" xfId="51" applyFont="1" applyFill="1" applyBorder="1" applyAlignment="1">
      <alignment horizontal="center"/>
    </xf>
    <xf numFmtId="164" fontId="27" fillId="30" borderId="17" xfId="51" applyFont="1" applyFill="1" applyBorder="1" applyAlignment="1">
      <alignment horizontal="left"/>
    </xf>
    <xf numFmtId="164" fontId="28" fillId="30" borderId="15" xfId="51" applyFont="1" applyFill="1" applyBorder="1"/>
    <xf numFmtId="164" fontId="28" fillId="30" borderId="11" xfId="51" applyFont="1" applyFill="1" applyBorder="1"/>
    <xf numFmtId="164" fontId="28" fillId="30" borderId="12" xfId="51" applyFont="1" applyFill="1" applyBorder="1"/>
    <xf numFmtId="164" fontId="27" fillId="31" borderId="10" xfId="455" applyFont="1" applyFill="1" applyBorder="1" applyAlignment="1">
      <alignment horizontal="center"/>
    </xf>
    <xf numFmtId="43" fontId="27" fillId="31" borderId="10" xfId="440" applyFont="1" applyFill="1" applyBorder="1" applyAlignment="1">
      <alignment horizontal="center"/>
    </xf>
    <xf numFmtId="43" fontId="18" fillId="31" borderId="10" xfId="440" applyFont="1" applyFill="1" applyBorder="1" applyAlignment="1">
      <alignment horizontal="right"/>
    </xf>
    <xf numFmtId="43" fontId="18" fillId="31" borderId="10" xfId="440" applyFont="1" applyFill="1" applyBorder="1" applyAlignment="1"/>
    <xf numFmtId="0" fontId="42" fillId="0" borderId="0" xfId="482" applyFont="1" applyFill="1" applyBorder="1" applyAlignment="1" applyProtection="1">
      <alignment vertical="center" wrapText="1"/>
      <protection hidden="1"/>
    </xf>
    <xf numFmtId="171" fontId="42" fillId="0" borderId="0" xfId="482" applyNumberFormat="1" applyFont="1" applyFill="1" applyBorder="1" applyAlignment="1" applyProtection="1">
      <alignment horizontal="center" vertical="center" wrapText="1"/>
      <protection hidden="1"/>
    </xf>
    <xf numFmtId="0" fontId="42" fillId="0" borderId="0" xfId="482" applyFont="1" applyFill="1" applyBorder="1" applyAlignment="1" applyProtection="1">
      <alignment horizontal="left" vertical="center" wrapText="1"/>
      <protection hidden="1"/>
    </xf>
    <xf numFmtId="43" fontId="42" fillId="0" borderId="0" xfId="440" applyFont="1" applyFill="1" applyBorder="1" applyAlignment="1" applyProtection="1">
      <alignment horizontal="center" vertical="center"/>
      <protection hidden="1"/>
    </xf>
    <xf numFmtId="0" fontId="42" fillId="0" borderId="0" xfId="482" applyFont="1" applyFill="1" applyBorder="1" applyAlignment="1" applyProtection="1">
      <alignment horizontal="right" vertical="center" wrapText="1"/>
      <protection hidden="1"/>
    </xf>
    <xf numFmtId="0" fontId="42" fillId="0" borderId="0" xfId="482" applyFont="1" applyFill="1" applyBorder="1" applyAlignment="1" applyProtection="1">
      <alignment horizontal="center" vertical="center" wrapText="1"/>
      <protection hidden="1"/>
    </xf>
    <xf numFmtId="0" fontId="43" fillId="0" borderId="0" xfId="482" applyFont="1" applyFill="1" applyBorder="1" applyAlignment="1" applyProtection="1">
      <alignment horizontal="center" vertical="center" wrapText="1"/>
      <protection hidden="1"/>
    </xf>
    <xf numFmtId="0" fontId="42" fillId="0" borderId="0" xfId="482" applyFont="1" applyBorder="1" applyAlignment="1" applyProtection="1">
      <alignment vertical="center"/>
      <protection hidden="1"/>
    </xf>
    <xf numFmtId="0" fontId="42" fillId="0" borderId="0" xfId="482" applyFont="1" applyAlignment="1" applyProtection="1">
      <alignment vertical="center"/>
      <protection hidden="1"/>
    </xf>
    <xf numFmtId="0" fontId="45" fillId="0" borderId="22" xfId="482" applyFont="1" applyBorder="1" applyAlignment="1" applyProtection="1">
      <alignment horizontal="center" vertical="center"/>
      <protection hidden="1"/>
    </xf>
    <xf numFmtId="0" fontId="45" fillId="0" borderId="0" xfId="482" applyFont="1" applyBorder="1" applyAlignment="1" applyProtection="1">
      <alignment horizontal="center" vertical="center"/>
      <protection hidden="1"/>
    </xf>
    <xf numFmtId="49" fontId="45" fillId="0" borderId="25" xfId="482" applyNumberFormat="1" applyFont="1" applyBorder="1" applyAlignment="1" applyProtection="1">
      <alignment horizontal="center" vertical="center"/>
      <protection hidden="1"/>
    </xf>
    <xf numFmtId="49" fontId="45" fillId="0" borderId="26" xfId="482" applyNumberFormat="1" applyFont="1" applyBorder="1" applyAlignment="1" applyProtection="1">
      <alignment horizontal="center" vertical="center"/>
      <protection hidden="1"/>
    </xf>
    <xf numFmtId="43" fontId="49" fillId="0" borderId="27" xfId="440" applyFont="1" applyFill="1" applyBorder="1" applyAlignment="1" applyProtection="1">
      <alignment horizontal="center" vertical="center"/>
      <protection hidden="1"/>
    </xf>
    <xf numFmtId="0" fontId="44" fillId="0" borderId="28" xfId="482" applyFont="1" applyFill="1" applyBorder="1" applyAlignment="1" applyProtection="1">
      <alignment horizontal="left" vertical="center"/>
      <protection hidden="1"/>
    </xf>
    <xf numFmtId="0" fontId="49" fillId="0" borderId="29" xfId="482" applyFont="1" applyBorder="1" applyAlignment="1" applyProtection="1">
      <alignment horizontal="left" vertical="center"/>
      <protection hidden="1"/>
    </xf>
    <xf numFmtId="0" fontId="44" fillId="0" borderId="30" xfId="482" applyFont="1" applyBorder="1" applyAlignment="1" applyProtection="1">
      <alignment horizontal="center" vertical="center"/>
      <protection hidden="1"/>
    </xf>
    <xf numFmtId="0" fontId="45" fillId="0" borderId="31" xfId="482" applyFont="1" applyBorder="1" applyAlignment="1" applyProtection="1">
      <alignment horizontal="center" vertical="center"/>
      <protection hidden="1"/>
    </xf>
    <xf numFmtId="0" fontId="45" fillId="0" borderId="14" xfId="482" applyFont="1" applyBorder="1" applyAlignment="1" applyProtection="1">
      <alignment horizontal="center" vertical="center"/>
      <protection hidden="1"/>
    </xf>
    <xf numFmtId="0" fontId="45" fillId="0" borderId="35" xfId="482" applyNumberFormat="1" applyFont="1" applyBorder="1" applyAlignment="1" applyProtection="1">
      <alignment horizontal="center" vertical="center" wrapText="1"/>
      <protection hidden="1"/>
    </xf>
    <xf numFmtId="0" fontId="45" fillId="0" borderId="37" xfId="482" applyNumberFormat="1" applyFont="1" applyBorder="1" applyAlignment="1" applyProtection="1">
      <alignment horizontal="center" vertical="center" wrapText="1"/>
      <protection hidden="1"/>
    </xf>
    <xf numFmtId="0" fontId="50" fillId="0" borderId="0" xfId="482" applyNumberFormat="1" applyFont="1" applyAlignment="1" applyProtection="1">
      <alignment horizontal="left" vertical="center"/>
      <protection hidden="1"/>
    </xf>
    <xf numFmtId="0" fontId="51" fillId="0" borderId="0" xfId="482" applyNumberFormat="1" applyFont="1" applyAlignment="1" applyProtection="1">
      <alignment horizontal="center" vertical="center" wrapText="1"/>
      <protection hidden="1"/>
    </xf>
    <xf numFmtId="173" fontId="51" fillId="0" borderId="0" xfId="438" applyNumberFormat="1" applyFont="1" applyAlignment="1" applyProtection="1">
      <alignment horizontal="center" vertical="center" wrapText="1"/>
      <protection hidden="1"/>
    </xf>
    <xf numFmtId="0" fontId="32" fillId="33" borderId="18" xfId="482" applyNumberFormat="1" applyFont="1" applyFill="1" applyBorder="1" applyAlignment="1" applyProtection="1">
      <alignment horizontal="center" vertical="center"/>
      <protection hidden="1"/>
    </xf>
    <xf numFmtId="0" fontId="32" fillId="33" borderId="12" xfId="482" applyNumberFormat="1" applyFont="1" applyFill="1" applyBorder="1" applyAlignment="1" applyProtection="1">
      <alignment vertical="center" wrapText="1"/>
      <protection hidden="1"/>
    </xf>
    <xf numFmtId="0" fontId="35" fillId="0" borderId="44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45" xfId="360" applyFont="1" applyBorder="1" applyAlignment="1">
      <alignment horizontal="center" vertical="center"/>
    </xf>
    <xf numFmtId="0" fontId="35" fillId="0" borderId="45" xfId="360" applyFont="1" applyBorder="1" applyAlignment="1">
      <alignment horizontal="left" vertical="center" wrapText="1"/>
    </xf>
    <xf numFmtId="43" fontId="35" fillId="0" borderId="45" xfId="440" applyFont="1" applyFill="1" applyBorder="1" applyAlignment="1">
      <alignment horizontal="center" vertical="center"/>
    </xf>
    <xf numFmtId="164" fontId="35" fillId="0" borderId="45" xfId="482" applyNumberFormat="1" applyFont="1" applyFill="1" applyBorder="1" applyAlignment="1" applyProtection="1">
      <alignment horizontal="right" vertical="center"/>
      <protection hidden="1"/>
    </xf>
    <xf numFmtId="10" fontId="35" fillId="0" borderId="46" xfId="438" applyNumberFormat="1" applyFont="1" applyFill="1" applyBorder="1" applyAlignment="1" applyProtection="1">
      <alignment horizontal="center" vertical="center"/>
      <protection hidden="1"/>
    </xf>
    <xf numFmtId="10" fontId="35" fillId="0" borderId="0" xfId="438" applyNumberFormat="1" applyFont="1" applyFill="1" applyBorder="1" applyAlignment="1" applyProtection="1">
      <alignment horizontal="left" vertical="center"/>
      <protection hidden="1"/>
    </xf>
    <xf numFmtId="10" fontId="52" fillId="0" borderId="0" xfId="438" applyNumberFormat="1" applyFont="1" applyFill="1" applyBorder="1" applyAlignment="1" applyProtection="1">
      <alignment horizontal="center" vertical="center" wrapText="1"/>
      <protection hidden="1"/>
    </xf>
    <xf numFmtId="10" fontId="32" fillId="0" borderId="0" xfId="438" applyNumberFormat="1" applyFont="1" applyFill="1" applyBorder="1" applyAlignment="1" applyProtection="1">
      <alignment horizontal="left" vertical="center"/>
      <protection hidden="1"/>
    </xf>
    <xf numFmtId="0" fontId="53" fillId="0" borderId="0" xfId="482" applyFont="1" applyFill="1" applyBorder="1" applyAlignment="1" applyProtection="1">
      <alignment vertical="center" wrapText="1"/>
      <protection hidden="1"/>
    </xf>
    <xf numFmtId="43" fontId="42" fillId="0" borderId="0" xfId="440" applyNumberFormat="1" applyFont="1" applyFill="1" applyBorder="1" applyAlignment="1" applyProtection="1">
      <alignment horizontal="center" vertical="center"/>
      <protection hidden="1"/>
    </xf>
    <xf numFmtId="0" fontId="3" fillId="0" borderId="0" xfId="507"/>
    <xf numFmtId="171" fontId="27" fillId="36" borderId="48" xfId="507" applyNumberFormat="1" applyFont="1" applyFill="1" applyBorder="1" applyAlignment="1">
      <alignment vertical="center" wrapText="1"/>
    </xf>
    <xf numFmtId="0" fontId="27" fillId="36" borderId="49" xfId="507" applyFont="1" applyFill="1" applyBorder="1" applyAlignment="1">
      <alignment vertical="center" wrapText="1"/>
    </xf>
    <xf numFmtId="0" fontId="27" fillId="36" borderId="50" xfId="507" applyFont="1" applyFill="1" applyBorder="1" applyAlignment="1">
      <alignment horizontal="center" vertical="center" wrapText="1"/>
    </xf>
    <xf numFmtId="164" fontId="27" fillId="36" borderId="49" xfId="440" applyNumberFormat="1" applyFont="1" applyFill="1" applyBorder="1" applyAlignment="1">
      <alignment horizontal="center" vertical="center" wrapText="1"/>
    </xf>
    <xf numFmtId="0" fontId="3" fillId="37" borderId="10" xfId="507" applyFont="1" applyFill="1" applyBorder="1" applyAlignment="1">
      <alignment horizontal="center" vertical="center"/>
    </xf>
    <xf numFmtId="164" fontId="3" fillId="37" borderId="10" xfId="440" applyNumberFormat="1" applyFont="1" applyFill="1" applyBorder="1" applyAlignment="1">
      <alignment horizontal="center"/>
    </xf>
    <xf numFmtId="179" fontId="27" fillId="37" borderId="10" xfId="546" applyNumberFormat="1" applyFont="1" applyFill="1" applyBorder="1" applyAlignment="1">
      <alignment horizontal="center"/>
    </xf>
    <xf numFmtId="179" fontId="3" fillId="0" borderId="0" xfId="507" applyNumberFormat="1"/>
    <xf numFmtId="49" fontId="3" fillId="37" borderId="10" xfId="507" applyNumberFormat="1" applyFont="1" applyFill="1" applyBorder="1" applyAlignment="1">
      <alignment horizontal="center" vertical="center"/>
    </xf>
    <xf numFmtId="164" fontId="3" fillId="37" borderId="10" xfId="440" applyNumberFormat="1" applyFont="1" applyFill="1" applyBorder="1" applyAlignment="1">
      <alignment horizontal="center" vertical="center"/>
    </xf>
    <xf numFmtId="164" fontId="57" fillId="37" borderId="59" xfId="440" applyNumberFormat="1" applyFont="1" applyFill="1" applyBorder="1" applyAlignment="1">
      <alignment horizontal="center" vertical="center"/>
    </xf>
    <xf numFmtId="43" fontId="58" fillId="38" borderId="16" xfId="440" applyFont="1" applyFill="1" applyBorder="1" applyAlignment="1">
      <alignment horizontal="center" vertical="center"/>
    </xf>
    <xf numFmtId="9" fontId="3" fillId="38" borderId="56" xfId="522" applyFont="1" applyFill="1" applyBorder="1" applyAlignment="1">
      <alignment horizontal="center" vertical="center"/>
    </xf>
    <xf numFmtId="0" fontId="3" fillId="37" borderId="10" xfId="507" applyFill="1" applyBorder="1"/>
    <xf numFmtId="164" fontId="32" fillId="37" borderId="58" xfId="440" applyNumberFormat="1" applyFont="1" applyFill="1" applyBorder="1" applyAlignment="1">
      <alignment horizontal="center"/>
    </xf>
    <xf numFmtId="9" fontId="3" fillId="38" borderId="16" xfId="522" applyFont="1" applyFill="1" applyBorder="1" applyAlignment="1">
      <alignment horizontal="center"/>
    </xf>
    <xf numFmtId="9" fontId="3" fillId="38" borderId="55" xfId="522" applyFont="1" applyFill="1" applyBorder="1" applyAlignment="1">
      <alignment horizontal="center"/>
    </xf>
    <xf numFmtId="9" fontId="3" fillId="0" borderId="17" xfId="522" applyFont="1" applyFill="1" applyBorder="1" applyAlignment="1">
      <alignment horizontal="center"/>
    </xf>
    <xf numFmtId="9" fontId="3" fillId="0" borderId="16" xfId="522" applyFont="1" applyFill="1" applyBorder="1" applyAlignment="1">
      <alignment horizontal="center"/>
    </xf>
    <xf numFmtId="9" fontId="3" fillId="0" borderId="55" xfId="522" applyFont="1" applyFill="1" applyBorder="1" applyAlignment="1">
      <alignment horizontal="center"/>
    </xf>
    <xf numFmtId="164" fontId="32" fillId="37" borderId="10" xfId="440" applyNumberFormat="1" applyFont="1" applyFill="1" applyBorder="1" applyAlignment="1">
      <alignment horizontal="center"/>
    </xf>
    <xf numFmtId="9" fontId="3" fillId="38" borderId="17" xfId="522" applyFont="1" applyFill="1" applyBorder="1" applyAlignment="1">
      <alignment horizontal="center"/>
    </xf>
    <xf numFmtId="179" fontId="32" fillId="37" borderId="10" xfId="546" applyNumberFormat="1" applyFont="1" applyFill="1" applyBorder="1" applyAlignment="1">
      <alignment horizontal="center" vertical="center"/>
    </xf>
    <xf numFmtId="0" fontId="45" fillId="0" borderId="36" xfId="482" applyNumberFormat="1" applyFont="1" applyBorder="1" applyAlignment="1" applyProtection="1">
      <alignment horizontal="center" vertical="center" wrapText="1"/>
      <protection hidden="1"/>
    </xf>
    <xf numFmtId="0" fontId="45" fillId="0" borderId="74" xfId="482" applyNumberFormat="1" applyFont="1" applyBorder="1" applyAlignment="1" applyProtection="1">
      <alignment horizontal="center" vertical="center" wrapText="1"/>
      <protection hidden="1"/>
    </xf>
    <xf numFmtId="0" fontId="35" fillId="0" borderId="75" xfId="482" applyNumberFormat="1" applyFont="1" applyFill="1" applyBorder="1" applyAlignment="1" applyProtection="1">
      <alignment horizontal="center" vertical="center" wrapText="1"/>
      <protection hidden="1"/>
    </xf>
    <xf numFmtId="0" fontId="53" fillId="0" borderId="0" xfId="482" applyFont="1" applyFill="1" applyBorder="1" applyAlignment="1" applyProtection="1">
      <alignment horizontal="center" vertical="center" wrapText="1"/>
      <protection hidden="1"/>
    </xf>
    <xf numFmtId="180" fontId="44" fillId="0" borderId="0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45" xfId="0" applyFont="1" applyBorder="1" applyAlignment="1">
      <alignment horizontal="left" vertical="center" wrapText="1"/>
    </xf>
    <xf numFmtId="0" fontId="44" fillId="0" borderId="0" xfId="482" applyNumberFormat="1" applyFont="1" applyAlignment="1" applyProtection="1">
      <alignment horizontal="center" vertical="center" wrapText="1"/>
      <protection hidden="1"/>
    </xf>
    <xf numFmtId="10" fontId="32" fillId="0" borderId="0" xfId="438" applyNumberFormat="1" applyFont="1" applyFill="1" applyBorder="1" applyAlignment="1" applyProtection="1">
      <alignment horizontal="center" vertical="center" wrapText="1"/>
      <protection hidden="1"/>
    </xf>
    <xf numFmtId="0" fontId="45" fillId="0" borderId="0" xfId="482" applyNumberFormat="1" applyFont="1" applyAlignment="1" applyProtection="1">
      <alignment horizontal="center" vertical="center" wrapText="1"/>
      <protection hidden="1"/>
    </xf>
    <xf numFmtId="180" fontId="45" fillId="0" borderId="0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45" xfId="360" applyFont="1" applyBorder="1" applyAlignment="1">
      <alignment horizontal="center" vertical="center" wrapText="1"/>
    </xf>
    <xf numFmtId="0" fontId="1" fillId="0" borderId="0" xfId="547"/>
    <xf numFmtId="0" fontId="56" fillId="33" borderId="81" xfId="548" applyFont="1" applyFill="1" applyBorder="1" applyAlignment="1">
      <alignment horizontal="center" vertical="center" wrapText="1"/>
    </xf>
    <xf numFmtId="170" fontId="56" fillId="33" borderId="82" xfId="549" applyNumberFormat="1" applyFont="1" applyFill="1" applyBorder="1" applyAlignment="1" applyProtection="1">
      <alignment horizontal="center" vertical="center" wrapText="1"/>
    </xf>
    <xf numFmtId="10" fontId="56" fillId="33" borderId="82" xfId="550" applyNumberFormat="1" applyFont="1" applyFill="1" applyBorder="1" applyAlignment="1" applyProtection="1">
      <alignment horizontal="center" vertical="center" wrapText="1"/>
    </xf>
    <xf numFmtId="0" fontId="3" fillId="0" borderId="11" xfId="507" applyBorder="1" applyAlignment="1">
      <alignment vertical="center"/>
    </xf>
    <xf numFmtId="0" fontId="57" fillId="0" borderId="83" xfId="548" applyFont="1" applyBorder="1" applyAlignment="1">
      <alignment horizontal="justify" vertical="center" wrapText="1"/>
    </xf>
    <xf numFmtId="170" fontId="57" fillId="0" borderId="84" xfId="549" applyNumberFormat="1" applyFont="1" applyFill="1" applyBorder="1" applyAlignment="1" applyProtection="1">
      <alignment vertical="center" wrapText="1"/>
    </xf>
    <xf numFmtId="10" fontId="57" fillId="0" borderId="84" xfId="550" applyNumberFormat="1" applyFont="1" applyFill="1" applyBorder="1" applyAlignment="1" applyProtection="1">
      <alignment vertical="center" wrapText="1"/>
    </xf>
    <xf numFmtId="0" fontId="56" fillId="0" borderId="85" xfId="548" applyFont="1" applyBorder="1" applyAlignment="1">
      <alignment horizontal="justify" vertical="center" wrapText="1"/>
    </xf>
    <xf numFmtId="170" fontId="56" fillId="0" borderId="86" xfId="549" applyNumberFormat="1" applyFont="1" applyFill="1" applyBorder="1" applyAlignment="1" applyProtection="1">
      <alignment horizontal="center" vertical="center" wrapText="1"/>
    </xf>
    <xf numFmtId="10" fontId="57" fillId="0" borderId="86" xfId="550" applyNumberFormat="1" applyFont="1" applyFill="1" applyBorder="1" applyAlignment="1" applyProtection="1">
      <alignment vertical="center" wrapText="1"/>
    </xf>
    <xf numFmtId="164" fontId="3" fillId="0" borderId="11" xfId="507" applyNumberFormat="1" applyBorder="1" applyAlignment="1">
      <alignment vertical="center"/>
    </xf>
    <xf numFmtId="0" fontId="56" fillId="0" borderId="87" xfId="548" applyFont="1" applyBorder="1" applyAlignment="1">
      <alignment horizontal="center" vertical="center" wrapText="1"/>
    </xf>
    <xf numFmtId="170" fontId="56" fillId="0" borderId="88" xfId="549" applyNumberFormat="1" applyFont="1" applyFill="1" applyBorder="1" applyAlignment="1" applyProtection="1">
      <alignment vertical="center" wrapText="1"/>
    </xf>
    <xf numFmtId="10" fontId="57" fillId="0" borderId="88" xfId="550" applyNumberFormat="1" applyFont="1" applyFill="1" applyBorder="1" applyAlignment="1" applyProtection="1">
      <alignment vertical="center" wrapText="1"/>
    </xf>
    <xf numFmtId="0" fontId="56" fillId="39" borderId="87" xfId="548" applyFont="1" applyFill="1" applyBorder="1" applyAlignment="1">
      <alignment horizontal="center" vertical="center" wrapText="1"/>
    </xf>
    <xf numFmtId="170" fontId="56" fillId="39" borderId="88" xfId="549" applyNumberFormat="1" applyFont="1" applyFill="1" applyBorder="1" applyAlignment="1" applyProtection="1">
      <alignment horizontal="center" vertical="center" wrapText="1"/>
    </xf>
    <xf numFmtId="10" fontId="56" fillId="39" borderId="88" xfId="550" applyNumberFormat="1" applyFont="1" applyFill="1" applyBorder="1" applyAlignment="1" applyProtection="1">
      <alignment vertical="center" wrapText="1"/>
    </xf>
    <xf numFmtId="170" fontId="56" fillId="0" borderId="88" xfId="549" applyNumberFormat="1" applyFont="1" applyFill="1" applyBorder="1" applyAlignment="1" applyProtection="1">
      <alignment horizontal="center" vertical="center" wrapText="1"/>
    </xf>
    <xf numFmtId="10" fontId="56" fillId="0" borderId="88" xfId="550" applyNumberFormat="1" applyFont="1" applyFill="1" applyBorder="1" applyAlignment="1" applyProtection="1">
      <alignment vertical="center" wrapText="1"/>
    </xf>
    <xf numFmtId="10" fontId="56" fillId="0" borderId="88" xfId="550" applyNumberFormat="1" applyFont="1" applyFill="1" applyBorder="1" applyAlignment="1" applyProtection="1">
      <alignment horizontal="center" vertical="center" wrapText="1"/>
    </xf>
    <xf numFmtId="0" fontId="60" fillId="0" borderId="11" xfId="507" applyFont="1" applyBorder="1" applyAlignment="1">
      <alignment vertical="center"/>
    </xf>
    <xf numFmtId="0" fontId="59" fillId="33" borderId="81" xfId="548" applyFont="1" applyFill="1" applyBorder="1" applyAlignment="1">
      <alignment horizontal="center" vertical="center" wrapText="1"/>
    </xf>
    <xf numFmtId="170" fontId="59" fillId="33" borderId="82" xfId="549" applyNumberFormat="1" applyFont="1" applyFill="1" applyBorder="1" applyAlignment="1" applyProtection="1">
      <alignment horizontal="center" vertical="center" wrapText="1"/>
    </xf>
    <xf numFmtId="10" fontId="59" fillId="33" borderId="82" xfId="550" applyNumberFormat="1" applyFont="1" applyFill="1" applyBorder="1" applyAlignment="1" applyProtection="1">
      <alignment horizontal="center" vertical="center" wrapText="1"/>
    </xf>
    <xf numFmtId="10" fontId="62" fillId="0" borderId="0" xfId="550" applyNumberFormat="1" applyFont="1" applyFill="1" applyBorder="1" applyAlignment="1" applyProtection="1">
      <alignment vertical="center" wrapText="1"/>
    </xf>
    <xf numFmtId="0" fontId="56" fillId="0" borderId="0" xfId="548" applyFont="1" applyBorder="1" applyAlignment="1">
      <alignment horizontal="right" vertical="center" wrapText="1"/>
    </xf>
    <xf numFmtId="0" fontId="3" fillId="0" borderId="0" xfId="507" applyBorder="1" applyAlignment="1">
      <alignment vertical="center"/>
    </xf>
    <xf numFmtId="180" fontId="42" fillId="0" borderId="0" xfId="482" applyNumberFormat="1" applyFont="1" applyFill="1" applyBorder="1" applyAlignment="1" applyProtection="1">
      <alignment horizontal="center" vertical="center" wrapText="1"/>
      <protection hidden="1"/>
    </xf>
    <xf numFmtId="0" fontId="47" fillId="56" borderId="79" xfId="482" applyFont="1" applyFill="1" applyBorder="1" applyAlignment="1" applyProtection="1">
      <alignment horizontal="center" vertical="center" wrapText="1"/>
      <protection hidden="1"/>
    </xf>
    <xf numFmtId="10" fontId="69" fillId="56" borderId="80" xfId="482" applyNumberFormat="1" applyFont="1" applyFill="1" applyBorder="1" applyAlignment="1" applyProtection="1">
      <alignment horizontal="center" vertical="center" wrapText="1"/>
      <protection hidden="1"/>
    </xf>
    <xf numFmtId="0" fontId="47" fillId="56" borderId="31" xfId="482" applyFont="1" applyFill="1" applyBorder="1" applyAlignment="1" applyProtection="1">
      <alignment horizontal="center" vertical="center" wrapText="1"/>
      <protection hidden="1"/>
    </xf>
    <xf numFmtId="10" fontId="69" fillId="56" borderId="15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93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94" xfId="360" applyFont="1" applyBorder="1" applyAlignment="1">
      <alignment horizontal="center" vertical="center" wrapText="1"/>
    </xf>
    <xf numFmtId="0" fontId="35" fillId="0" borderId="94" xfId="360" applyFont="1" applyBorder="1" applyAlignment="1">
      <alignment horizontal="left" vertical="center" wrapText="1"/>
    </xf>
    <xf numFmtId="0" fontId="35" fillId="0" borderId="94" xfId="360" applyFont="1" applyBorder="1" applyAlignment="1">
      <alignment horizontal="center" vertical="center"/>
    </xf>
    <xf numFmtId="43" fontId="35" fillId="0" borderId="94" xfId="440" applyFont="1" applyFill="1" applyBorder="1" applyAlignment="1">
      <alignment horizontal="center" vertical="center"/>
    </xf>
    <xf numFmtId="164" fontId="35" fillId="0" borderId="94" xfId="482" applyNumberFormat="1" applyFont="1" applyFill="1" applyBorder="1" applyAlignment="1" applyProtection="1">
      <alignment horizontal="right" vertical="center"/>
      <protection hidden="1"/>
    </xf>
    <xf numFmtId="10" fontId="35" fillId="0" borderId="95" xfId="438" applyNumberFormat="1" applyFont="1" applyFill="1" applyBorder="1" applyAlignment="1" applyProtection="1">
      <alignment horizontal="center" vertical="center"/>
      <protection hidden="1"/>
    </xf>
    <xf numFmtId="0" fontId="35" fillId="0" borderId="96" xfId="360" applyFont="1" applyBorder="1" applyAlignment="1">
      <alignment horizontal="center" vertical="center" wrapText="1"/>
    </xf>
    <xf numFmtId="0" fontId="35" fillId="0" borderId="96" xfId="360" applyFont="1" applyBorder="1" applyAlignment="1">
      <alignment horizontal="center" vertical="center"/>
    </xf>
    <xf numFmtId="0" fontId="35" fillId="0" borderId="96" xfId="360" applyFont="1" applyBorder="1" applyAlignment="1">
      <alignment horizontal="left" vertical="center" wrapText="1"/>
    </xf>
    <xf numFmtId="43" fontId="35" fillId="0" borderId="96" xfId="440" applyFont="1" applyFill="1" applyBorder="1" applyAlignment="1">
      <alignment horizontal="center" vertical="center"/>
    </xf>
    <xf numFmtId="164" fontId="35" fillId="0" borderId="96" xfId="482" applyNumberFormat="1" applyFont="1" applyFill="1" applyBorder="1" applyAlignment="1" applyProtection="1">
      <alignment horizontal="right" vertical="center"/>
      <protection hidden="1"/>
    </xf>
    <xf numFmtId="10" fontId="35" fillId="0" borderId="97" xfId="438" applyNumberFormat="1" applyFont="1" applyFill="1" applyBorder="1" applyAlignment="1" applyProtection="1">
      <alignment horizontal="center" vertical="center"/>
      <protection hidden="1"/>
    </xf>
    <xf numFmtId="164" fontId="35" fillId="33" borderId="98" xfId="482" applyNumberFormat="1" applyFont="1" applyFill="1" applyBorder="1" applyAlignment="1" applyProtection="1">
      <alignment horizontal="right" vertical="center"/>
      <protection hidden="1"/>
    </xf>
    <xf numFmtId="10" fontId="35" fillId="33" borderId="99" xfId="438" applyNumberFormat="1" applyFont="1" applyFill="1" applyBorder="1" applyAlignment="1" applyProtection="1">
      <alignment horizontal="center" vertical="center"/>
      <protection hidden="1"/>
    </xf>
    <xf numFmtId="0" fontId="35" fillId="0" borderId="100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101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53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102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54" xfId="360" applyFont="1" applyBorder="1" applyAlignment="1">
      <alignment horizontal="center" vertical="center"/>
    </xf>
    <xf numFmtId="0" fontId="35" fillId="0" borderId="54" xfId="360" applyFont="1" applyBorder="1" applyAlignment="1">
      <alignment horizontal="left" vertical="center" wrapText="1"/>
    </xf>
    <xf numFmtId="43" fontId="35" fillId="0" borderId="54" xfId="440" applyFont="1" applyFill="1" applyBorder="1" applyAlignment="1">
      <alignment horizontal="center" vertical="center"/>
    </xf>
    <xf numFmtId="164" fontId="35" fillId="0" borderId="54" xfId="482" applyNumberFormat="1" applyFont="1" applyFill="1" applyBorder="1" applyAlignment="1" applyProtection="1">
      <alignment horizontal="right" vertical="center"/>
      <protection hidden="1"/>
    </xf>
    <xf numFmtId="10" fontId="35" fillId="0" borderId="103" xfId="438" applyNumberFormat="1" applyFont="1" applyFill="1" applyBorder="1" applyAlignment="1" applyProtection="1">
      <alignment horizontal="center" vertical="center"/>
      <protection hidden="1"/>
    </xf>
    <xf numFmtId="164" fontId="32" fillId="33" borderId="98" xfId="482" applyNumberFormat="1" applyFont="1" applyFill="1" applyBorder="1" applyAlignment="1" applyProtection="1">
      <alignment horizontal="right" vertical="center"/>
      <protection hidden="1"/>
    </xf>
    <xf numFmtId="0" fontId="32" fillId="33" borderId="18" xfId="482" applyNumberFormat="1" applyFont="1" applyFill="1" applyBorder="1" applyAlignment="1" applyProtection="1">
      <alignment vertical="center" wrapText="1"/>
      <protection hidden="1"/>
    </xf>
    <xf numFmtId="0" fontId="35" fillId="0" borderId="104" xfId="482" applyNumberFormat="1" applyFont="1" applyFill="1" applyBorder="1" applyAlignment="1" applyProtection="1">
      <alignment horizontal="center" vertical="center" wrapText="1"/>
      <protection hidden="1"/>
    </xf>
    <xf numFmtId="10" fontId="35" fillId="33" borderId="12" xfId="438" applyNumberFormat="1" applyFont="1" applyFill="1" applyBorder="1" applyAlignment="1" applyProtection="1">
      <alignment horizontal="center" vertical="center"/>
      <protection hidden="1"/>
    </xf>
    <xf numFmtId="43" fontId="58" fillId="0" borderId="55" xfId="440" applyFont="1" applyFill="1" applyBorder="1" applyAlignment="1">
      <alignment horizontal="center" vertical="center"/>
    </xf>
    <xf numFmtId="9" fontId="3" fillId="38" borderId="56" xfId="522" applyFont="1" applyFill="1" applyBorder="1" applyAlignment="1">
      <alignment horizontal="center"/>
    </xf>
    <xf numFmtId="164" fontId="42" fillId="0" borderId="0" xfId="482" applyNumberFormat="1" applyFont="1" applyFill="1" applyBorder="1" applyAlignment="1" applyProtection="1">
      <alignment vertical="center" wrapText="1"/>
      <protection hidden="1"/>
    </xf>
    <xf numFmtId="43" fontId="3" fillId="0" borderId="0" xfId="440"/>
    <xf numFmtId="0" fontId="44" fillId="0" borderId="38" xfId="482" applyNumberFormat="1" applyFont="1" applyBorder="1" applyAlignment="1" applyProtection="1">
      <alignment horizontal="left" vertical="center" wrapText="1"/>
      <protection hidden="1"/>
    </xf>
    <xf numFmtId="0" fontId="44" fillId="0" borderId="38" xfId="360" applyFont="1" applyBorder="1" applyAlignment="1" applyProtection="1">
      <alignment horizontal="left" vertical="center" wrapText="1"/>
      <protection hidden="1"/>
    </xf>
    <xf numFmtId="0" fontId="44" fillId="0" borderId="39" xfId="360" applyFont="1" applyBorder="1" applyAlignment="1" applyProtection="1">
      <alignment horizontal="left" vertical="center" wrapText="1"/>
      <protection hidden="1"/>
    </xf>
    <xf numFmtId="0" fontId="48" fillId="0" borderId="0" xfId="360" applyFont="1" applyBorder="1" applyAlignment="1" applyProtection="1">
      <alignment horizontal="center" vertical="center" wrapText="1"/>
      <protection hidden="1"/>
    </xf>
    <xf numFmtId="0" fontId="48" fillId="0" borderId="11" xfId="360" applyFont="1" applyBorder="1" applyAlignment="1" applyProtection="1">
      <alignment vertical="center" wrapText="1"/>
      <protection hidden="1"/>
    </xf>
    <xf numFmtId="0" fontId="48" fillId="0" borderId="14" xfId="360" applyFont="1" applyBorder="1" applyAlignment="1" applyProtection="1">
      <alignment horizontal="center" vertical="center" wrapText="1"/>
      <protection hidden="1"/>
    </xf>
    <xf numFmtId="0" fontId="48" fillId="0" borderId="15" xfId="360" applyFont="1" applyBorder="1" applyAlignment="1" applyProtection="1">
      <alignment vertical="center" wrapText="1"/>
      <protection hidden="1"/>
    </xf>
    <xf numFmtId="0" fontId="44" fillId="0" borderId="23" xfId="482" applyNumberFormat="1" applyFont="1" applyFill="1" applyBorder="1" applyAlignment="1" applyProtection="1">
      <alignment horizontal="center" vertical="center"/>
      <protection hidden="1"/>
    </xf>
    <xf numFmtId="0" fontId="44" fillId="0" borderId="24" xfId="360" applyNumberFormat="1" applyFont="1" applyBorder="1" applyAlignment="1" applyProtection="1">
      <alignment horizontal="center" vertical="center"/>
      <protection hidden="1"/>
    </xf>
    <xf numFmtId="169" fontId="44" fillId="0" borderId="31" xfId="482" applyNumberFormat="1" applyFont="1" applyFill="1" applyBorder="1" applyAlignment="1" applyProtection="1">
      <alignment horizontal="center" vertical="center"/>
      <protection hidden="1"/>
    </xf>
    <xf numFmtId="169" fontId="44" fillId="0" borderId="32" xfId="360" applyNumberFormat="1" applyFont="1" applyBorder="1" applyAlignment="1" applyProtection="1">
      <alignment horizontal="center" vertical="center"/>
      <protection hidden="1"/>
    </xf>
    <xf numFmtId="169" fontId="44" fillId="0" borderId="33" xfId="482" applyNumberFormat="1" applyFont="1" applyBorder="1" applyAlignment="1" applyProtection="1">
      <alignment horizontal="center" vertical="center"/>
      <protection hidden="1"/>
    </xf>
    <xf numFmtId="169" fontId="44" fillId="0" borderId="34" xfId="360" applyNumberFormat="1" applyFont="1" applyBorder="1" applyAlignment="1" applyProtection="1">
      <alignment horizontal="center" vertical="center"/>
      <protection hidden="1"/>
    </xf>
    <xf numFmtId="0" fontId="44" fillId="0" borderId="36" xfId="482" applyNumberFormat="1" applyFont="1" applyBorder="1" applyAlignment="1" applyProtection="1">
      <alignment horizontal="left" vertical="center" wrapText="1"/>
      <protection hidden="1"/>
    </xf>
    <xf numFmtId="0" fontId="44" fillId="0" borderId="36" xfId="360" applyNumberFormat="1" applyFont="1" applyBorder="1" applyAlignment="1" applyProtection="1">
      <alignment horizontal="left" vertical="center" wrapText="1"/>
      <protection hidden="1"/>
    </xf>
    <xf numFmtId="0" fontId="44" fillId="0" borderId="26" xfId="360" applyNumberFormat="1" applyFont="1" applyBorder="1" applyAlignment="1" applyProtection="1">
      <alignment horizontal="left" vertical="center" wrapText="1"/>
      <protection hidden="1"/>
    </xf>
    <xf numFmtId="49" fontId="44" fillId="29" borderId="13" xfId="360" applyNumberFormat="1" applyFont="1" applyFill="1" applyBorder="1" applyAlignment="1" applyProtection="1">
      <alignment horizontal="center" vertical="center" wrapText="1"/>
      <protection hidden="1"/>
    </xf>
    <xf numFmtId="0" fontId="0" fillId="0" borderId="78" xfId="0" applyBorder="1" applyAlignment="1">
      <alignment horizontal="center" vertical="center"/>
    </xf>
    <xf numFmtId="0" fontId="45" fillId="32" borderId="77" xfId="482" applyFont="1" applyFill="1" applyBorder="1" applyAlignment="1" applyProtection="1">
      <alignment horizontal="center" vertical="center" wrapText="1"/>
      <protection hidden="1"/>
    </xf>
    <xf numFmtId="0" fontId="45" fillId="32" borderId="40" xfId="482" applyFont="1" applyFill="1" applyBorder="1" applyAlignment="1" applyProtection="1">
      <alignment horizontal="left" vertical="center" wrapText="1"/>
      <protection hidden="1"/>
    </xf>
    <xf numFmtId="0" fontId="45" fillId="32" borderId="40" xfId="482" applyFont="1" applyFill="1" applyBorder="1" applyAlignment="1" applyProtection="1">
      <alignment horizontal="center" vertical="center"/>
      <protection hidden="1"/>
    </xf>
    <xf numFmtId="43" fontId="45" fillId="29" borderId="40" xfId="440" applyFont="1" applyFill="1" applyBorder="1" applyAlignment="1" applyProtection="1">
      <alignment horizontal="center" vertical="center"/>
      <protection hidden="1"/>
    </xf>
    <xf numFmtId="172" fontId="45" fillId="32" borderId="41" xfId="482" applyNumberFormat="1" applyFont="1" applyFill="1" applyBorder="1" applyAlignment="1" applyProtection="1">
      <alignment horizontal="center" vertical="center"/>
      <protection hidden="1"/>
    </xf>
    <xf numFmtId="172" fontId="45" fillId="32" borderId="42" xfId="482" applyNumberFormat="1" applyFont="1" applyFill="1" applyBorder="1" applyAlignment="1" applyProtection="1">
      <alignment horizontal="center" vertical="center"/>
      <protection hidden="1"/>
    </xf>
    <xf numFmtId="0" fontId="27" fillId="36" borderId="22" xfId="507" applyFont="1" applyFill="1" applyBorder="1" applyAlignment="1">
      <alignment horizontal="center" vertical="center" wrapText="1"/>
    </xf>
    <xf numFmtId="0" fontId="27" fillId="36" borderId="0" xfId="507" applyFont="1" applyFill="1" applyBorder="1" applyAlignment="1">
      <alignment horizontal="center" vertical="center" wrapText="1"/>
    </xf>
    <xf numFmtId="0" fontId="27" fillId="36" borderId="11" xfId="507" applyFont="1" applyFill="1" applyBorder="1" applyAlignment="1">
      <alignment horizontal="center" vertical="center" wrapText="1"/>
    </xf>
    <xf numFmtId="0" fontId="27" fillId="36" borderId="31" xfId="507" applyFont="1" applyFill="1" applyBorder="1" applyAlignment="1">
      <alignment horizontal="center" vertical="center" wrapText="1"/>
    </xf>
    <xf numFmtId="0" fontId="27" fillId="36" borderId="14" xfId="507" applyFont="1" applyFill="1" applyBorder="1" applyAlignment="1">
      <alignment horizontal="center" vertical="center" wrapText="1"/>
    </xf>
    <xf numFmtId="0" fontId="27" fillId="36" borderId="15" xfId="507" applyFont="1" applyFill="1" applyBorder="1" applyAlignment="1">
      <alignment horizontal="center" vertical="center" wrapText="1"/>
    </xf>
    <xf numFmtId="171" fontId="55" fillId="36" borderId="18" xfId="507" applyNumberFormat="1" applyFont="1" applyFill="1" applyBorder="1" applyAlignment="1">
      <alignment horizontal="center" vertical="center" wrapText="1"/>
    </xf>
    <xf numFmtId="171" fontId="55" fillId="36" borderId="43" xfId="507" applyNumberFormat="1" applyFont="1" applyFill="1" applyBorder="1" applyAlignment="1">
      <alignment horizontal="center" vertical="center" wrapText="1"/>
    </xf>
    <xf numFmtId="171" fontId="55" fillId="36" borderId="12" xfId="507" applyNumberFormat="1" applyFont="1" applyFill="1" applyBorder="1" applyAlignment="1">
      <alignment horizontal="center" vertical="center" wrapText="1"/>
    </xf>
    <xf numFmtId="39" fontId="27" fillId="36" borderId="51" xfId="507" applyNumberFormat="1" applyFont="1" applyFill="1" applyBorder="1" applyAlignment="1">
      <alignment horizontal="center" vertical="center" wrapText="1"/>
    </xf>
    <xf numFmtId="39" fontId="27" fillId="36" borderId="52" xfId="507" applyNumberFormat="1" applyFont="1" applyFill="1" applyBorder="1" applyAlignment="1">
      <alignment horizontal="center" vertical="center" wrapText="1"/>
    </xf>
    <xf numFmtId="39" fontId="27" fillId="36" borderId="18" xfId="507" applyNumberFormat="1" applyFont="1" applyFill="1" applyBorder="1" applyAlignment="1">
      <alignment horizontal="center" vertical="center" wrapText="1"/>
    </xf>
    <xf numFmtId="39" fontId="27" fillId="36" borderId="12" xfId="507" applyNumberFormat="1" applyFont="1" applyFill="1" applyBorder="1" applyAlignment="1">
      <alignment horizontal="center" vertical="center" wrapText="1"/>
    </xf>
    <xf numFmtId="0" fontId="0" fillId="0" borderId="22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31" xfId="0" applyBorder="1" applyAlignment="1">
      <alignment horizontal="center"/>
    </xf>
    <xf numFmtId="0" fontId="0" fillId="0" borderId="15" xfId="0" applyBorder="1" applyAlignment="1">
      <alignment horizontal="center"/>
    </xf>
    <xf numFmtId="179" fontId="27" fillId="37" borderId="16" xfId="546" applyNumberFormat="1" applyFont="1" applyFill="1" applyBorder="1" applyAlignment="1">
      <alignment horizontal="center" vertical="center"/>
    </xf>
    <xf numFmtId="179" fontId="27" fillId="37" borderId="55" xfId="546" applyNumberFormat="1" applyFont="1" applyFill="1" applyBorder="1" applyAlignment="1">
      <alignment horizontal="center" vertical="center"/>
    </xf>
    <xf numFmtId="179" fontId="27" fillId="37" borderId="17" xfId="546" applyNumberFormat="1" applyFont="1" applyFill="1" applyBorder="1" applyAlignment="1">
      <alignment horizontal="center" vertical="center"/>
    </xf>
    <xf numFmtId="0" fontId="3" fillId="37" borderId="60" xfId="507" applyFill="1" applyBorder="1" applyAlignment="1">
      <alignment horizontal="center"/>
    </xf>
    <xf numFmtId="0" fontId="3" fillId="37" borderId="61" xfId="507" applyFill="1" applyBorder="1" applyAlignment="1">
      <alignment horizontal="center"/>
    </xf>
    <xf numFmtId="0" fontId="3" fillId="37" borderId="55" xfId="507" applyFill="1" applyBorder="1" applyAlignment="1">
      <alignment horizontal="center"/>
    </xf>
    <xf numFmtId="0" fontId="3" fillId="37" borderId="56" xfId="507" applyFill="1" applyBorder="1" applyAlignment="1">
      <alignment horizontal="center"/>
    </xf>
    <xf numFmtId="0" fontId="27" fillId="37" borderId="62" xfId="507" applyFont="1" applyFill="1" applyBorder="1" applyAlignment="1">
      <alignment horizontal="center" vertical="center"/>
    </xf>
    <xf numFmtId="0" fontId="3" fillId="0" borderId="53" xfId="507" applyBorder="1" applyAlignment="1">
      <alignment horizontal="center" vertical="center"/>
    </xf>
    <xf numFmtId="0" fontId="3" fillId="0" borderId="57" xfId="507" applyBorder="1" applyAlignment="1">
      <alignment horizontal="center" vertical="center"/>
    </xf>
    <xf numFmtId="0" fontId="27" fillId="37" borderId="59" xfId="507" applyFont="1" applyFill="1" applyBorder="1" applyAlignment="1">
      <alignment horizontal="left" vertical="center"/>
    </xf>
    <xf numFmtId="0" fontId="27" fillId="37" borderId="54" xfId="507" applyFont="1" applyFill="1" applyBorder="1" applyAlignment="1">
      <alignment horizontal="left" vertical="center"/>
    </xf>
    <xf numFmtId="0" fontId="27" fillId="37" borderId="58" xfId="507" applyFont="1" applyFill="1" applyBorder="1" applyAlignment="1">
      <alignment horizontal="left" vertical="center"/>
    </xf>
    <xf numFmtId="10" fontId="3" fillId="0" borderId="63" xfId="522" applyNumberFormat="1" applyFont="1" applyFill="1" applyBorder="1" applyAlignment="1">
      <alignment horizontal="center"/>
    </xf>
    <xf numFmtId="10" fontId="3" fillId="0" borderId="64" xfId="522" applyNumberFormat="1" applyFont="1" applyFill="1" applyBorder="1" applyAlignment="1">
      <alignment horizontal="center"/>
    </xf>
    <xf numFmtId="10" fontId="3" fillId="0" borderId="65" xfId="522" applyNumberFormat="1" applyFont="1" applyFill="1" applyBorder="1" applyAlignment="1">
      <alignment horizontal="center"/>
    </xf>
    <xf numFmtId="10" fontId="3" fillId="0" borderId="66" xfId="522" applyNumberFormat="1" applyFont="1" applyFill="1" applyBorder="1" applyAlignment="1">
      <alignment horizontal="center"/>
    </xf>
    <xf numFmtId="0" fontId="27" fillId="37" borderId="53" xfId="507" applyFont="1" applyFill="1" applyBorder="1" applyAlignment="1">
      <alignment horizontal="center" vertical="center"/>
    </xf>
    <xf numFmtId="0" fontId="27" fillId="37" borderId="57" xfId="507" applyFont="1" applyFill="1" applyBorder="1" applyAlignment="1">
      <alignment horizontal="center" vertical="center"/>
    </xf>
    <xf numFmtId="10" fontId="3" fillId="37" borderId="106" xfId="522" applyNumberFormat="1" applyFont="1" applyFill="1" applyBorder="1" applyAlignment="1">
      <alignment horizontal="center"/>
    </xf>
    <xf numFmtId="10" fontId="3" fillId="37" borderId="105" xfId="522" applyNumberFormat="1" applyFont="1" applyFill="1" applyBorder="1" applyAlignment="1">
      <alignment horizontal="center"/>
    </xf>
    <xf numFmtId="10" fontId="3" fillId="37" borderId="107" xfId="522" applyNumberFormat="1" applyFont="1" applyFill="1" applyBorder="1" applyAlignment="1">
      <alignment horizontal="center"/>
    </xf>
    <xf numFmtId="0" fontId="3" fillId="0" borderId="60" xfId="507" applyFill="1" applyBorder="1" applyAlignment="1">
      <alignment horizontal="center" vertical="center"/>
    </xf>
    <xf numFmtId="0" fontId="3" fillId="0" borderId="61" xfId="507" applyFill="1" applyBorder="1" applyAlignment="1">
      <alignment horizontal="center" vertical="center"/>
    </xf>
    <xf numFmtId="0" fontId="3" fillId="0" borderId="55" xfId="507" applyFill="1" applyBorder="1" applyAlignment="1">
      <alignment horizontal="center" vertical="center"/>
    </xf>
    <xf numFmtId="0" fontId="3" fillId="0" borderId="56" xfId="507" applyFill="1" applyBorder="1" applyAlignment="1">
      <alignment horizontal="center" vertical="center"/>
    </xf>
    <xf numFmtId="10" fontId="3" fillId="0" borderId="16" xfId="522" applyNumberFormat="1" applyFont="1" applyFill="1" applyBorder="1" applyAlignment="1">
      <alignment horizontal="center"/>
    </xf>
    <xf numFmtId="10" fontId="3" fillId="0" borderId="55" xfId="522" applyNumberFormat="1" applyFont="1" applyFill="1" applyBorder="1" applyAlignment="1">
      <alignment horizontal="center"/>
    </xf>
    <xf numFmtId="10" fontId="3" fillId="0" borderId="17" xfId="522" applyNumberFormat="1" applyFont="1" applyFill="1" applyBorder="1" applyAlignment="1">
      <alignment horizontal="center"/>
    </xf>
    <xf numFmtId="9" fontId="3" fillId="0" borderId="16" xfId="522" applyFont="1" applyFill="1" applyBorder="1" applyAlignment="1">
      <alignment horizontal="center" vertical="center"/>
    </xf>
    <xf numFmtId="9" fontId="3" fillId="0" borderId="55" xfId="522" applyFont="1" applyFill="1" applyBorder="1" applyAlignment="1">
      <alignment horizontal="center" vertical="center"/>
    </xf>
    <xf numFmtId="9" fontId="3" fillId="0" borderId="56" xfId="522" applyFont="1" applyFill="1" applyBorder="1" applyAlignment="1">
      <alignment horizontal="center" vertical="center"/>
    </xf>
    <xf numFmtId="0" fontId="3" fillId="0" borderId="60" xfId="507" applyFill="1" applyBorder="1" applyAlignment="1">
      <alignment horizontal="center"/>
    </xf>
    <xf numFmtId="0" fontId="3" fillId="0" borderId="61" xfId="507" applyFill="1" applyBorder="1" applyAlignment="1">
      <alignment horizontal="center"/>
    </xf>
    <xf numFmtId="0" fontId="3" fillId="0" borderId="55" xfId="507" applyFill="1" applyBorder="1" applyAlignment="1">
      <alignment horizontal="center"/>
    </xf>
    <xf numFmtId="0" fontId="3" fillId="0" borderId="56" xfId="507" applyFill="1" applyBorder="1" applyAlignment="1">
      <alignment horizontal="center"/>
    </xf>
    <xf numFmtId="9" fontId="3" fillId="0" borderId="64" xfId="522" applyFont="1" applyFill="1" applyBorder="1" applyAlignment="1">
      <alignment horizontal="center" vertical="center"/>
    </xf>
    <xf numFmtId="9" fontId="3" fillId="0" borderId="66" xfId="522" applyFont="1" applyFill="1" applyBorder="1" applyAlignment="1">
      <alignment horizontal="center" vertical="center"/>
    </xf>
    <xf numFmtId="164" fontId="32" fillId="37" borderId="67" xfId="440" applyNumberFormat="1" applyFont="1" applyFill="1" applyBorder="1" applyAlignment="1">
      <alignment horizontal="center"/>
    </xf>
    <xf numFmtId="164" fontId="32" fillId="37" borderId="61" xfId="440" applyNumberFormat="1" applyFont="1" applyFill="1" applyBorder="1" applyAlignment="1">
      <alignment horizontal="center"/>
    </xf>
    <xf numFmtId="164" fontId="32" fillId="37" borderId="68" xfId="440" applyNumberFormat="1" applyFont="1" applyFill="1" applyBorder="1" applyAlignment="1">
      <alignment horizontal="center"/>
    </xf>
    <xf numFmtId="0" fontId="32" fillId="37" borderId="69" xfId="507" applyFont="1" applyFill="1" applyBorder="1" applyAlignment="1">
      <alignment horizontal="center" vertical="center" wrapText="1"/>
    </xf>
    <xf numFmtId="0" fontId="32" fillId="37" borderId="10" xfId="507" applyFont="1" applyFill="1" applyBorder="1" applyAlignment="1">
      <alignment horizontal="center" vertical="center" wrapText="1"/>
    </xf>
    <xf numFmtId="164" fontId="3" fillId="34" borderId="16" xfId="440" applyNumberFormat="1" applyFont="1" applyFill="1" applyBorder="1" applyAlignment="1">
      <alignment horizontal="center" vertical="center"/>
    </xf>
    <xf numFmtId="164" fontId="3" fillId="34" borderId="55" xfId="440" applyNumberFormat="1" applyFont="1" applyFill="1" applyBorder="1" applyAlignment="1">
      <alignment horizontal="center" vertical="center"/>
    </xf>
    <xf numFmtId="164" fontId="3" fillId="34" borderId="56" xfId="440" applyNumberFormat="1" applyFont="1" applyFill="1" applyBorder="1" applyAlignment="1">
      <alignment horizontal="center" vertical="center"/>
    </xf>
    <xf numFmtId="0" fontId="27" fillId="37" borderId="69" xfId="507" applyFont="1" applyFill="1" applyBorder="1" applyAlignment="1">
      <alignment horizontal="center"/>
    </xf>
    <xf numFmtId="0" fontId="27" fillId="37" borderId="10" xfId="507" applyFont="1" applyFill="1" applyBorder="1" applyAlignment="1">
      <alignment horizontal="center"/>
    </xf>
    <xf numFmtId="44" fontId="3" fillId="37" borderId="10" xfId="440" applyNumberFormat="1" applyFont="1" applyFill="1" applyBorder="1" applyAlignment="1">
      <alignment horizontal="center" vertical="center"/>
    </xf>
    <xf numFmtId="44" fontId="3" fillId="37" borderId="70" xfId="440" applyNumberFormat="1" applyFont="1" applyFill="1" applyBorder="1" applyAlignment="1">
      <alignment horizontal="center" vertical="center"/>
    </xf>
    <xf numFmtId="0" fontId="27" fillId="37" borderId="71" xfId="507" applyFont="1" applyFill="1" applyBorder="1" applyAlignment="1">
      <alignment horizontal="center"/>
    </xf>
    <xf numFmtId="0" fontId="27" fillId="37" borderId="72" xfId="507" applyFont="1" applyFill="1" applyBorder="1" applyAlignment="1">
      <alignment horizontal="center"/>
    </xf>
    <xf numFmtId="10" fontId="27" fillId="37" borderId="72" xfId="522" applyNumberFormat="1" applyFont="1" applyFill="1" applyBorder="1" applyAlignment="1">
      <alignment horizontal="center" vertical="center"/>
    </xf>
    <xf numFmtId="10" fontId="27" fillId="37" borderId="73" xfId="522" applyNumberFormat="1" applyFont="1" applyFill="1" applyBorder="1" applyAlignment="1">
      <alignment horizontal="center" vertical="center"/>
    </xf>
    <xf numFmtId="44" fontId="27" fillId="37" borderId="10" xfId="507" applyNumberFormat="1" applyFont="1" applyFill="1" applyBorder="1" applyAlignment="1">
      <alignment horizontal="center"/>
    </xf>
    <xf numFmtId="44" fontId="27" fillId="37" borderId="70" xfId="507" applyNumberFormat="1" applyFont="1" applyFill="1" applyBorder="1" applyAlignment="1">
      <alignment horizontal="center"/>
    </xf>
    <xf numFmtId="10" fontId="3" fillId="37" borderId="10" xfId="522" applyNumberFormat="1" applyFont="1" applyFill="1" applyBorder="1" applyAlignment="1">
      <alignment horizontal="center" vertical="center"/>
    </xf>
    <xf numFmtId="10" fontId="3" fillId="37" borderId="70" xfId="522" applyNumberFormat="1" applyFont="1" applyFill="1" applyBorder="1" applyAlignment="1">
      <alignment horizontal="center" vertical="center"/>
    </xf>
    <xf numFmtId="10" fontId="63" fillId="0" borderId="0" xfId="550" applyNumberFormat="1" applyFont="1" applyFill="1" applyBorder="1" applyAlignment="1" applyProtection="1">
      <alignment horizontal="left" vertical="center" wrapText="1"/>
    </xf>
    <xf numFmtId="0" fontId="26" fillId="0" borderId="67" xfId="507" applyFont="1" applyBorder="1" applyAlignment="1">
      <alignment horizontal="center"/>
    </xf>
    <xf numFmtId="0" fontId="26" fillId="0" borderId="61" xfId="507" applyFont="1" applyBorder="1" applyAlignment="1">
      <alignment horizontal="center"/>
    </xf>
    <xf numFmtId="0" fontId="26" fillId="0" borderId="68" xfId="507" applyFont="1" applyBorder="1" applyAlignment="1">
      <alignment horizontal="center"/>
    </xf>
    <xf numFmtId="0" fontId="59" fillId="0" borderId="22" xfId="548" applyFont="1" applyBorder="1" applyAlignment="1">
      <alignment horizontal="center" vertical="center" wrapText="1"/>
    </xf>
    <xf numFmtId="0" fontId="59" fillId="0" borderId="0" xfId="548" applyFont="1" applyBorder="1" applyAlignment="1">
      <alignment horizontal="center" vertical="center" wrapText="1"/>
    </xf>
    <xf numFmtId="0" fontId="59" fillId="0" borderId="11" xfId="548" applyFont="1" applyBorder="1" applyAlignment="1">
      <alignment horizontal="center" vertical="center" wrapText="1"/>
    </xf>
    <xf numFmtId="0" fontId="56" fillId="0" borderId="22" xfId="548" applyFont="1" applyBorder="1" applyAlignment="1">
      <alignment horizontal="center" vertical="center"/>
    </xf>
    <xf numFmtId="0" fontId="56" fillId="0" borderId="0" xfId="548" applyFont="1" applyBorder="1" applyAlignment="1">
      <alignment horizontal="center" vertical="center"/>
    </xf>
    <xf numFmtId="0" fontId="56" fillId="0" borderId="11" xfId="548" applyFont="1" applyBorder="1" applyAlignment="1">
      <alignment horizontal="center" vertical="center"/>
    </xf>
    <xf numFmtId="0" fontId="45" fillId="0" borderId="79" xfId="482" applyFont="1" applyBorder="1" applyAlignment="1" applyProtection="1">
      <alignment horizontal="center" vertical="center"/>
      <protection hidden="1"/>
    </xf>
    <xf numFmtId="0" fontId="45" fillId="0" borderId="108" xfId="482" applyFont="1" applyBorder="1" applyAlignment="1" applyProtection="1">
      <alignment horizontal="center" vertical="center"/>
      <protection hidden="1"/>
    </xf>
    <xf numFmtId="0" fontId="46" fillId="0" borderId="108" xfId="482" applyFont="1" applyBorder="1" applyAlignment="1" applyProtection="1">
      <alignment horizontal="center" vertical="center" wrapText="1"/>
      <protection hidden="1"/>
    </xf>
    <xf numFmtId="0" fontId="48" fillId="0" borderId="80" xfId="360" applyFont="1" applyBorder="1" applyAlignment="1" applyProtection="1">
      <alignment vertical="center" wrapText="1"/>
      <protection hidden="1"/>
    </xf>
    <xf numFmtId="43" fontId="49" fillId="0" borderId="79" xfId="440" applyFont="1" applyFill="1" applyBorder="1" applyAlignment="1" applyProtection="1">
      <alignment horizontal="center" vertical="center"/>
      <protection hidden="1"/>
    </xf>
    <xf numFmtId="0" fontId="44" fillId="0" borderId="108" xfId="482" applyFont="1" applyFill="1" applyBorder="1" applyAlignment="1" applyProtection="1">
      <alignment horizontal="left" vertical="center"/>
      <protection hidden="1"/>
    </xf>
    <xf numFmtId="0" fontId="49" fillId="0" borderId="109" xfId="482" applyFont="1" applyBorder="1" applyAlignment="1" applyProtection="1">
      <alignment horizontal="left" vertical="center"/>
      <protection hidden="1"/>
    </xf>
    <xf numFmtId="0" fontId="44" fillId="0" borderId="76" xfId="482" applyFont="1" applyBorder="1" applyAlignment="1" applyProtection="1">
      <alignment horizontal="center" vertical="center"/>
      <protection hidden="1"/>
    </xf>
    <xf numFmtId="0" fontId="45" fillId="32" borderId="110" xfId="482" applyFont="1" applyFill="1" applyBorder="1" applyAlignment="1" applyProtection="1">
      <alignment horizontal="center" vertical="center"/>
      <protection hidden="1"/>
    </xf>
    <xf numFmtId="0" fontId="45" fillId="32" borderId="111" xfId="482" applyFont="1" applyFill="1" applyBorder="1" applyAlignment="1" applyProtection="1">
      <alignment horizontal="center" vertical="center"/>
      <protection hidden="1"/>
    </xf>
    <xf numFmtId="0" fontId="45" fillId="32" borderId="112" xfId="482" applyFont="1" applyFill="1" applyBorder="1" applyAlignment="1" applyProtection="1">
      <alignment horizontal="center" vertical="center" wrapText="1"/>
      <protection hidden="1"/>
    </xf>
    <xf numFmtId="49" fontId="45" fillId="32" borderId="111" xfId="482" applyNumberFormat="1" applyFont="1" applyFill="1" applyBorder="1" applyAlignment="1" applyProtection="1">
      <alignment horizontal="center" vertical="center" wrapText="1"/>
      <protection hidden="1"/>
    </xf>
    <xf numFmtId="0" fontId="45" fillId="32" borderId="113" xfId="482" applyFont="1" applyFill="1" applyBorder="1" applyAlignment="1" applyProtection="1">
      <alignment horizontal="center" vertical="center"/>
      <protection hidden="1"/>
    </xf>
    <xf numFmtId="0" fontId="45" fillId="32" borderId="114" xfId="482" applyFont="1" applyFill="1" applyBorder="1" applyAlignment="1" applyProtection="1">
      <alignment horizontal="left" vertical="center" wrapText="1"/>
      <protection hidden="1"/>
    </xf>
    <xf numFmtId="0" fontId="45" fillId="32" borderId="114" xfId="482" applyFont="1" applyFill="1" applyBorder="1" applyAlignment="1" applyProtection="1">
      <alignment horizontal="center" vertical="center"/>
      <protection hidden="1"/>
    </xf>
    <xf numFmtId="43" fontId="45" fillId="29" borderId="114" xfId="440" applyFont="1" applyFill="1" applyBorder="1" applyAlignment="1" applyProtection="1">
      <alignment horizontal="center" vertical="center"/>
      <protection hidden="1"/>
    </xf>
    <xf numFmtId="172" fontId="45" fillId="32" borderId="115" xfId="482" applyNumberFormat="1" applyFont="1" applyFill="1" applyBorder="1" applyAlignment="1" applyProtection="1">
      <alignment horizontal="center" vertical="center"/>
      <protection hidden="1"/>
    </xf>
    <xf numFmtId="0" fontId="45" fillId="32" borderId="113" xfId="482" applyFont="1" applyFill="1" applyBorder="1" applyAlignment="1" applyProtection="1">
      <alignment horizontal="center" vertical="center"/>
      <protection hidden="1"/>
    </xf>
    <xf numFmtId="0" fontId="32" fillId="33" borderId="116" xfId="482" applyNumberFormat="1" applyFont="1" applyFill="1" applyBorder="1" applyAlignment="1" applyProtection="1">
      <alignment horizontal="center" vertical="center"/>
      <protection hidden="1"/>
    </xf>
    <xf numFmtId="0" fontId="32" fillId="33" borderId="116" xfId="482" applyNumberFormat="1" applyFont="1" applyFill="1" applyBorder="1" applyAlignment="1" applyProtection="1">
      <alignment vertical="center" wrapText="1"/>
      <protection hidden="1"/>
    </xf>
    <xf numFmtId="0" fontId="32" fillId="33" borderId="116" xfId="482" applyNumberFormat="1" applyFont="1" applyFill="1" applyBorder="1" applyAlignment="1" applyProtection="1">
      <alignment horizontal="left" vertical="center" wrapText="1"/>
      <protection hidden="1"/>
    </xf>
    <xf numFmtId="164" fontId="32" fillId="33" borderId="116" xfId="482" applyNumberFormat="1" applyFont="1" applyFill="1" applyBorder="1" applyAlignment="1" applyProtection="1">
      <alignment vertical="center" wrapText="1"/>
      <protection hidden="1"/>
    </xf>
    <xf numFmtId="0" fontId="32" fillId="33" borderId="116" xfId="482" applyNumberFormat="1" applyFont="1" applyFill="1" applyBorder="1" applyAlignment="1" applyProtection="1">
      <alignment horizontal="center" vertical="center" wrapText="1"/>
      <protection hidden="1"/>
    </xf>
    <xf numFmtId="43" fontId="35" fillId="33" borderId="116" xfId="440" applyFont="1" applyFill="1" applyBorder="1" applyAlignment="1">
      <alignment horizontal="center" vertical="center"/>
    </xf>
    <xf numFmtId="164" fontId="35" fillId="33" borderId="116" xfId="482" applyNumberFormat="1" applyFont="1" applyFill="1" applyBorder="1" applyAlignment="1" applyProtection="1">
      <alignment horizontal="right" vertical="center"/>
      <protection hidden="1"/>
    </xf>
    <xf numFmtId="1" fontId="35" fillId="0" borderId="117" xfId="482" applyNumberFormat="1" applyFont="1" applyFill="1" applyBorder="1" applyAlignment="1" applyProtection="1">
      <alignment horizontal="center" vertical="center" wrapText="1"/>
      <protection hidden="1"/>
    </xf>
    <xf numFmtId="1" fontId="35" fillId="0" borderId="118" xfId="482" applyNumberFormat="1" applyFont="1" applyFill="1" applyBorder="1" applyAlignment="1" applyProtection="1">
      <alignment horizontal="center" vertical="center" wrapText="1"/>
      <protection hidden="1"/>
    </xf>
    <xf numFmtId="0" fontId="35" fillId="0" borderId="118" xfId="482" applyFont="1" applyFill="1" applyBorder="1" applyAlignment="1" applyProtection="1">
      <alignment horizontal="left" vertical="center" wrapText="1"/>
      <protection hidden="1"/>
    </xf>
    <xf numFmtId="0" fontId="32" fillId="0" borderId="118" xfId="482" applyFont="1" applyFill="1" applyBorder="1" applyAlignment="1" applyProtection="1">
      <alignment horizontal="right" vertical="center" wrapText="1"/>
      <protection hidden="1"/>
    </xf>
    <xf numFmtId="164" fontId="32" fillId="0" borderId="118" xfId="482" applyNumberFormat="1" applyFont="1" applyFill="1" applyBorder="1" applyAlignment="1" applyProtection="1">
      <alignment horizontal="right" vertical="center"/>
      <protection hidden="1"/>
    </xf>
    <xf numFmtId="10" fontId="32" fillId="0" borderId="119" xfId="438" applyNumberFormat="1" applyFont="1" applyFill="1" applyBorder="1" applyAlignment="1" applyProtection="1">
      <alignment horizontal="center" vertical="center"/>
      <protection hidden="1"/>
    </xf>
    <xf numFmtId="0" fontId="3" fillId="0" borderId="0" xfId="317" applyFont="1" applyFill="1" applyBorder="1" applyAlignment="1">
      <alignment horizontal="center"/>
    </xf>
    <xf numFmtId="0" fontId="3" fillId="0" borderId="0" xfId="317" applyFont="1" applyFill="1" applyBorder="1"/>
    <xf numFmtId="164" fontId="3" fillId="0" borderId="0" xfId="455" applyFont="1" applyFill="1" applyBorder="1"/>
    <xf numFmtId="164" fontId="3" fillId="0" borderId="0" xfId="317" applyNumberFormat="1" applyFont="1" applyFill="1" applyBorder="1"/>
    <xf numFmtId="164" fontId="3" fillId="28" borderId="10" xfId="455" applyFont="1" applyFill="1" applyBorder="1" applyAlignment="1">
      <alignment horizontal="left"/>
    </xf>
    <xf numFmtId="164" fontId="3" fillId="29" borderId="10" xfId="455" applyFont="1" applyFill="1" applyBorder="1" applyAlignment="1">
      <alignment horizontal="left"/>
    </xf>
    <xf numFmtId="10" fontId="3" fillId="0" borderId="0" xfId="317" applyNumberFormat="1" applyFont="1" applyFill="1" applyBorder="1"/>
    <xf numFmtId="164" fontId="3" fillId="0" borderId="10" xfId="455" applyFont="1" applyFill="1" applyBorder="1"/>
    <xf numFmtId="0" fontId="3" fillId="0" borderId="10" xfId="317" applyFont="1" applyFill="1" applyBorder="1"/>
    <xf numFmtId="43" fontId="3" fillId="25" borderId="10" xfId="440" applyFont="1" applyFill="1" applyBorder="1" applyAlignment="1">
      <alignment vertical="top" wrapText="1"/>
    </xf>
    <xf numFmtId="164" fontId="3" fillId="26" borderId="10" xfId="455" applyFont="1" applyFill="1" applyBorder="1" applyAlignment="1">
      <alignment horizontal="center"/>
    </xf>
    <xf numFmtId="43" fontId="3" fillId="25" borderId="10" xfId="440" applyFont="1" applyFill="1" applyBorder="1" applyAlignment="1"/>
    <xf numFmtId="43" fontId="3" fillId="25" borderId="10" xfId="440" applyFont="1" applyFill="1" applyBorder="1"/>
    <xf numFmtId="0" fontId="3" fillId="0" borderId="10" xfId="0" applyFont="1" applyBorder="1" applyAlignment="1">
      <alignment horizontal="justify" wrapText="1"/>
    </xf>
    <xf numFmtId="0" fontId="28" fillId="0" borderId="43" xfId="418" applyFont="1" applyFill="1" applyBorder="1" applyAlignment="1">
      <alignment horizontal="left" wrapText="1"/>
    </xf>
    <xf numFmtId="0" fontId="28" fillId="0" borderId="43" xfId="418" applyFont="1" applyFill="1" applyBorder="1" applyAlignment="1">
      <alignment horizontal="center"/>
    </xf>
    <xf numFmtId="0" fontId="3" fillId="0" borderId="13" xfId="317" applyFont="1" applyFill="1" applyBorder="1"/>
    <xf numFmtId="164" fontId="28" fillId="0" borderId="43" xfId="455" applyFont="1" applyFill="1" applyBorder="1"/>
    <xf numFmtId="164" fontId="18" fillId="0" borderId="43" xfId="51" applyFont="1" applyFill="1" applyBorder="1"/>
    <xf numFmtId="0" fontId="3" fillId="0" borderId="0" xfId="419" applyFont="1" applyAlignment="1">
      <alignment horizontal="left" wrapText="1"/>
    </xf>
    <xf numFmtId="0" fontId="3" fillId="0" borderId="0" xfId="417" applyFont="1" applyBorder="1" applyAlignment="1">
      <alignment horizontal="center" wrapText="1"/>
    </xf>
    <xf numFmtId="0" fontId="27" fillId="36" borderId="79" xfId="507" applyFont="1" applyFill="1" applyBorder="1" applyAlignment="1">
      <alignment horizontal="center" vertical="center" wrapText="1"/>
    </xf>
    <xf numFmtId="0" fontId="0" fillId="0" borderId="80" xfId="0" applyBorder="1" applyAlignment="1">
      <alignment horizontal="center"/>
    </xf>
    <xf numFmtId="0" fontId="27" fillId="36" borderId="108" xfId="507" applyFont="1" applyFill="1" applyBorder="1" applyAlignment="1">
      <alignment horizontal="center" vertical="center" wrapText="1"/>
    </xf>
    <xf numFmtId="0" fontId="27" fillId="36" borderId="80" xfId="507" applyFont="1" applyFill="1" applyBorder="1" applyAlignment="1">
      <alignment horizontal="center" vertical="center" wrapText="1"/>
    </xf>
    <xf numFmtId="0" fontId="56" fillId="37" borderId="79" xfId="507" applyFont="1" applyFill="1" applyBorder="1" applyAlignment="1">
      <alignment horizontal="justify" vertical="justify" wrapText="1"/>
    </xf>
    <xf numFmtId="0" fontId="56" fillId="37" borderId="120" xfId="507" applyFont="1" applyFill="1" applyBorder="1" applyAlignment="1">
      <alignment horizontal="justify" vertical="justify" wrapText="1"/>
    </xf>
    <xf numFmtId="0" fontId="56" fillId="37" borderId="80" xfId="507" applyFont="1" applyFill="1" applyBorder="1" applyAlignment="1">
      <alignment horizontal="justify" vertical="justify" wrapText="1"/>
    </xf>
    <xf numFmtId="164" fontId="27" fillId="36" borderId="43" xfId="440" applyNumberFormat="1" applyFont="1" applyFill="1" applyBorder="1" applyAlignment="1">
      <alignment horizontal="center" vertical="center" wrapText="1"/>
    </xf>
    <xf numFmtId="39" fontId="27" fillId="36" borderId="43" xfId="507" applyNumberFormat="1" applyFont="1" applyFill="1" applyBorder="1" applyAlignment="1">
      <alignment horizontal="center" vertical="center" wrapText="1"/>
    </xf>
    <xf numFmtId="0" fontId="27" fillId="37" borderId="121" xfId="507" applyFont="1" applyFill="1" applyBorder="1" applyAlignment="1">
      <alignment horizontal="center" vertical="center"/>
    </xf>
    <xf numFmtId="0" fontId="27" fillId="37" borderId="122" xfId="507" applyFont="1" applyFill="1" applyBorder="1" applyAlignment="1">
      <alignment horizontal="left" vertical="center"/>
    </xf>
    <xf numFmtId="0" fontId="3" fillId="37" borderId="122" xfId="507" applyFont="1" applyFill="1" applyBorder="1" applyAlignment="1">
      <alignment horizontal="center" vertical="center"/>
    </xf>
    <xf numFmtId="164" fontId="3" fillId="37" borderId="122" xfId="440" applyNumberFormat="1" applyFont="1" applyFill="1" applyBorder="1" applyAlignment="1">
      <alignment horizontal="center"/>
    </xf>
    <xf numFmtId="164" fontId="32" fillId="37" borderId="122" xfId="440" applyNumberFormat="1" applyFont="1" applyFill="1" applyBorder="1" applyAlignment="1">
      <alignment horizontal="center"/>
    </xf>
    <xf numFmtId="10" fontId="3" fillId="37" borderId="123" xfId="522" applyNumberFormat="1" applyFont="1" applyFill="1" applyBorder="1" applyAlignment="1">
      <alignment horizontal="center"/>
    </xf>
    <xf numFmtId="10" fontId="3" fillId="37" borderId="120" xfId="522" applyNumberFormat="1" applyFont="1" applyFill="1" applyBorder="1" applyAlignment="1">
      <alignment horizontal="center"/>
    </xf>
    <xf numFmtId="10" fontId="3" fillId="37" borderId="124" xfId="522" applyNumberFormat="1" applyFont="1" applyFill="1" applyBorder="1" applyAlignment="1">
      <alignment horizontal="center"/>
    </xf>
  </cellXfs>
  <cellStyles count="592">
    <cellStyle name="12" xfId="1"/>
    <cellStyle name="12 2" xfId="483"/>
    <cellStyle name="20% - Accent1" xfId="2"/>
    <cellStyle name="20% - Accent2" xfId="3"/>
    <cellStyle name="20% - Accent3" xfId="4"/>
    <cellStyle name="20% - Accent4" xfId="5"/>
    <cellStyle name="20% - Accent5" xfId="6"/>
    <cellStyle name="20% - Accent6" xfId="7"/>
    <cellStyle name="20% - Ênfase1" xfId="8" builtinId="30" customBuiltin="1"/>
    <cellStyle name="20% - Ênfase1 2" xfId="551"/>
    <cellStyle name="20% - Ênfase2" xfId="9" builtinId="34" customBuiltin="1"/>
    <cellStyle name="20% - Ênfase2 2" xfId="552"/>
    <cellStyle name="20% - Ênfase3" xfId="10" builtinId="38" customBuiltin="1"/>
    <cellStyle name="20% - Ênfase3 2" xfId="553"/>
    <cellStyle name="20% - Ênfase4" xfId="11" builtinId="42" customBuiltin="1"/>
    <cellStyle name="20% - Ênfase4 2" xfId="554"/>
    <cellStyle name="20% - Ênfase5" xfId="12" builtinId="46" customBuiltin="1"/>
    <cellStyle name="20% - Ênfase5 2" xfId="555"/>
    <cellStyle name="20% - Ênfase6" xfId="13" builtinId="50" customBuiltin="1"/>
    <cellStyle name="20% - Ênfase6 2" xfId="556"/>
    <cellStyle name="40% - Accent1" xfId="14"/>
    <cellStyle name="40% - Accent2" xfId="15"/>
    <cellStyle name="40% - Accent3" xfId="16"/>
    <cellStyle name="40% - Accent4" xfId="17"/>
    <cellStyle name="40% - Accent5" xfId="18"/>
    <cellStyle name="40% - Accent6" xfId="19"/>
    <cellStyle name="40% - Ênfase1" xfId="20" builtinId="31" customBuiltin="1"/>
    <cellStyle name="40% - Ênfase1 2" xfId="557"/>
    <cellStyle name="40% - Ênfase2" xfId="21" builtinId="35" customBuiltin="1"/>
    <cellStyle name="40% - Ênfase2 2" xfId="558"/>
    <cellStyle name="40% - Ênfase3" xfId="22" builtinId="39" customBuiltin="1"/>
    <cellStyle name="40% - Ênfase3 2" xfId="559"/>
    <cellStyle name="40% - Ênfase4" xfId="23" builtinId="43" customBuiltin="1"/>
    <cellStyle name="40% - Ênfase4 2" xfId="560"/>
    <cellStyle name="40% - Ênfase5" xfId="24" builtinId="47" customBuiltin="1"/>
    <cellStyle name="40% - Ênfase5 2" xfId="561"/>
    <cellStyle name="40% - Ênfase6" xfId="25" builtinId="51" customBuiltin="1"/>
    <cellStyle name="40% - Ênfase6 2" xfId="562"/>
    <cellStyle name="60% - Accent1" xfId="26"/>
    <cellStyle name="60% - Accent2" xfId="27"/>
    <cellStyle name="60% - Accent3" xfId="28"/>
    <cellStyle name="60% - Accent4" xfId="29"/>
    <cellStyle name="60% - Accent5" xfId="30"/>
    <cellStyle name="60% - Accent6" xfId="31"/>
    <cellStyle name="60% - Ênfase1" xfId="32" builtinId="32" customBuiltin="1"/>
    <cellStyle name="60% - Ênfase1 2" xfId="563"/>
    <cellStyle name="60% - Ênfase2" xfId="33" builtinId="36" customBuiltin="1"/>
    <cellStyle name="60% - Ênfase2 2" xfId="564"/>
    <cellStyle name="60% - Ênfase3" xfId="34" builtinId="40" customBuiltin="1"/>
    <cellStyle name="60% - Ênfase3 2" xfId="565"/>
    <cellStyle name="60% - Ênfase4" xfId="35" builtinId="44" customBuiltin="1"/>
    <cellStyle name="60% - Ênfase4 2" xfId="566"/>
    <cellStyle name="60% - Ênfase5" xfId="36" builtinId="48" customBuiltin="1"/>
    <cellStyle name="60% - Ênfase5 2" xfId="567"/>
    <cellStyle name="60% - Ênfase6" xfId="37" builtinId="52" customBuiltin="1"/>
    <cellStyle name="60% - Ênfase6 2" xfId="568"/>
    <cellStyle name="Accent1" xfId="38"/>
    <cellStyle name="Accent2" xfId="39"/>
    <cellStyle name="Accent3" xfId="40"/>
    <cellStyle name="Accent4" xfId="41"/>
    <cellStyle name="Accent5" xfId="42"/>
    <cellStyle name="Accent6" xfId="43"/>
    <cellStyle name="Bad" xfId="44"/>
    <cellStyle name="Bom" xfId="45" builtinId="26" customBuiltin="1"/>
    <cellStyle name="Bom 2" xfId="569"/>
    <cellStyle name="Calculation" xfId="46"/>
    <cellStyle name="Cálculo" xfId="47" builtinId="22" customBuiltin="1"/>
    <cellStyle name="Cálculo 2" xfId="570"/>
    <cellStyle name="Célula de Verificação" xfId="48" builtinId="23" customBuiltin="1"/>
    <cellStyle name="Célula de Verificação 2" xfId="571"/>
    <cellStyle name="Célula Vinculada" xfId="49" builtinId="24" customBuiltin="1"/>
    <cellStyle name="Célula Vinculada 2" xfId="572"/>
    <cellStyle name="Check Cell" xfId="50"/>
    <cellStyle name="Comma 2" xfId="51"/>
    <cellStyle name="Comma 2 2" xfId="52"/>
    <cellStyle name="Currency 2" xfId="53"/>
    <cellStyle name="Currency 2 2" xfId="54"/>
    <cellStyle name="Ênfase1" xfId="55" builtinId="29" customBuiltin="1"/>
    <cellStyle name="Ênfase1 2" xfId="573"/>
    <cellStyle name="Ênfase2" xfId="56" builtinId="33" customBuiltin="1"/>
    <cellStyle name="Ênfase2 2" xfId="574"/>
    <cellStyle name="Ênfase3" xfId="57" builtinId="37" customBuiltin="1"/>
    <cellStyle name="Ênfase3 2" xfId="575"/>
    <cellStyle name="Ênfase4" xfId="58" builtinId="41" customBuiltin="1"/>
    <cellStyle name="Ênfase4 2" xfId="576"/>
    <cellStyle name="Ênfase5" xfId="59" builtinId="45" customBuiltin="1"/>
    <cellStyle name="Ênfase5 2" xfId="577"/>
    <cellStyle name="Ênfase6" xfId="60" builtinId="49" customBuiltin="1"/>
    <cellStyle name="Ênfase6 2" xfId="578"/>
    <cellStyle name="Entrada" xfId="61" builtinId="20" customBuiltin="1"/>
    <cellStyle name="Entrada 2" xfId="579"/>
    <cellStyle name="ERVIÇOS INICIAIS" xfId="484"/>
    <cellStyle name="Estilo 1" xfId="62"/>
    <cellStyle name="Euro" xfId="63"/>
    <cellStyle name="Euro 2" xfId="64"/>
    <cellStyle name="Euro 2 10" xfId="65"/>
    <cellStyle name="Euro 2 10 2" xfId="66"/>
    <cellStyle name="Euro 2 10 3" xfId="67"/>
    <cellStyle name="Euro 2 11" xfId="68"/>
    <cellStyle name="Euro 2 11 2" xfId="69"/>
    <cellStyle name="Euro 2 11 3" xfId="70"/>
    <cellStyle name="Euro 2 12" xfId="71"/>
    <cellStyle name="Euro 2 12 2" xfId="72"/>
    <cellStyle name="Euro 2 12 3" xfId="73"/>
    <cellStyle name="Euro 2 13" xfId="74"/>
    <cellStyle name="Euro 2 13 2" xfId="75"/>
    <cellStyle name="Euro 2 13 3" xfId="76"/>
    <cellStyle name="Euro 2 14" xfId="77"/>
    <cellStyle name="Euro 2 14 2" xfId="78"/>
    <cellStyle name="Euro 2 14 3" xfId="79"/>
    <cellStyle name="Euro 2 15" xfId="80"/>
    <cellStyle name="Euro 2 15 2" xfId="81"/>
    <cellStyle name="Euro 2 15 3" xfId="82"/>
    <cellStyle name="Euro 2 16" xfId="83"/>
    <cellStyle name="Euro 2 17" xfId="84"/>
    <cellStyle name="Euro 2 18" xfId="485"/>
    <cellStyle name="Euro 2 19" xfId="486"/>
    <cellStyle name="Euro 2 2" xfId="85"/>
    <cellStyle name="Euro 2 2 2" xfId="86"/>
    <cellStyle name="Euro 2 2 3" xfId="87"/>
    <cellStyle name="Euro 2 3" xfId="88"/>
    <cellStyle name="Euro 2 3 2" xfId="89"/>
    <cellStyle name="Euro 2 3 3" xfId="90"/>
    <cellStyle name="Euro 2 4" xfId="91"/>
    <cellStyle name="Euro 2 4 2" xfId="92"/>
    <cellStyle name="Euro 2 4 3" xfId="93"/>
    <cellStyle name="Euro 2 5" xfId="94"/>
    <cellStyle name="Euro 2 5 2" xfId="95"/>
    <cellStyle name="Euro 2 5 3" xfId="96"/>
    <cellStyle name="Euro 2 6" xfId="97"/>
    <cellStyle name="Euro 2 6 2" xfId="98"/>
    <cellStyle name="Euro 2 6 3" xfId="99"/>
    <cellStyle name="Euro 2 7" xfId="100"/>
    <cellStyle name="Euro 2 7 2" xfId="101"/>
    <cellStyle name="Euro 2 7 3" xfId="102"/>
    <cellStyle name="Euro 2 8" xfId="103"/>
    <cellStyle name="Euro 2 8 2" xfId="104"/>
    <cellStyle name="Euro 2 8 3" xfId="105"/>
    <cellStyle name="Euro 2 9" xfId="106"/>
    <cellStyle name="Euro 2 9 2" xfId="107"/>
    <cellStyle name="Euro 2 9 3" xfId="108"/>
    <cellStyle name="Euro 3" xfId="109"/>
    <cellStyle name="Euro 3 10" xfId="110"/>
    <cellStyle name="Euro 3 10 2" xfId="111"/>
    <cellStyle name="Euro 3 10 3" xfId="112"/>
    <cellStyle name="Euro 3 11" xfId="113"/>
    <cellStyle name="Euro 3 11 2" xfId="114"/>
    <cellStyle name="Euro 3 11 3" xfId="115"/>
    <cellStyle name="Euro 3 12" xfId="116"/>
    <cellStyle name="Euro 3 12 2" xfId="117"/>
    <cellStyle name="Euro 3 12 3" xfId="118"/>
    <cellStyle name="Euro 3 13" xfId="119"/>
    <cellStyle name="Euro 3 13 2" xfId="120"/>
    <cellStyle name="Euro 3 13 3" xfId="121"/>
    <cellStyle name="Euro 3 14" xfId="122"/>
    <cellStyle name="Euro 3 14 2" xfId="123"/>
    <cellStyle name="Euro 3 14 3" xfId="124"/>
    <cellStyle name="Euro 3 15" xfId="125"/>
    <cellStyle name="Euro 3 15 2" xfId="126"/>
    <cellStyle name="Euro 3 15 3" xfId="127"/>
    <cellStyle name="Euro 3 16" xfId="128"/>
    <cellStyle name="Euro 3 17" xfId="129"/>
    <cellStyle name="Euro 3 18" xfId="487"/>
    <cellStyle name="Euro 3 19" xfId="488"/>
    <cellStyle name="Euro 3 2" xfId="130"/>
    <cellStyle name="Euro 3 2 2" xfId="131"/>
    <cellStyle name="Euro 3 2 3" xfId="132"/>
    <cellStyle name="Euro 3 3" xfId="133"/>
    <cellStyle name="Euro 3 3 2" xfId="134"/>
    <cellStyle name="Euro 3 3 3" xfId="135"/>
    <cellStyle name="Euro 3 4" xfId="136"/>
    <cellStyle name="Euro 3 4 2" xfId="137"/>
    <cellStyle name="Euro 3 4 3" xfId="138"/>
    <cellStyle name="Euro 3 5" xfId="139"/>
    <cellStyle name="Euro 3 5 2" xfId="140"/>
    <cellStyle name="Euro 3 5 3" xfId="141"/>
    <cellStyle name="Euro 3 6" xfId="142"/>
    <cellStyle name="Euro 3 6 2" xfId="143"/>
    <cellStyle name="Euro 3 6 3" xfId="144"/>
    <cellStyle name="Euro 3 7" xfId="145"/>
    <cellStyle name="Euro 3 7 2" xfId="146"/>
    <cellStyle name="Euro 3 7 3" xfId="147"/>
    <cellStyle name="Euro 3 8" xfId="148"/>
    <cellStyle name="Euro 3 8 2" xfId="149"/>
    <cellStyle name="Euro 3 8 3" xfId="150"/>
    <cellStyle name="Euro 3 9" xfId="151"/>
    <cellStyle name="Euro 3 9 2" xfId="152"/>
    <cellStyle name="Euro 3 9 3" xfId="153"/>
    <cellStyle name="Euro 4" xfId="154"/>
    <cellStyle name="Euro 4 10" xfId="155"/>
    <cellStyle name="Euro 4 10 2" xfId="156"/>
    <cellStyle name="Euro 4 10 3" xfId="157"/>
    <cellStyle name="Euro 4 11" xfId="158"/>
    <cellStyle name="Euro 4 11 2" xfId="159"/>
    <cellStyle name="Euro 4 11 3" xfId="160"/>
    <cellStyle name="Euro 4 12" xfId="161"/>
    <cellStyle name="Euro 4 12 2" xfId="162"/>
    <cellStyle name="Euro 4 12 3" xfId="163"/>
    <cellStyle name="Euro 4 13" xfId="164"/>
    <cellStyle name="Euro 4 13 2" xfId="165"/>
    <cellStyle name="Euro 4 13 3" xfId="166"/>
    <cellStyle name="Euro 4 14" xfId="167"/>
    <cellStyle name="Euro 4 14 2" xfId="168"/>
    <cellStyle name="Euro 4 14 3" xfId="169"/>
    <cellStyle name="Euro 4 15" xfId="170"/>
    <cellStyle name="Euro 4 15 2" xfId="171"/>
    <cellStyle name="Euro 4 15 3" xfId="172"/>
    <cellStyle name="Euro 4 16" xfId="173"/>
    <cellStyle name="Euro 4 17" xfId="174"/>
    <cellStyle name="Euro 4 18" xfId="489"/>
    <cellStyle name="Euro 4 19" xfId="490"/>
    <cellStyle name="Euro 4 2" xfId="175"/>
    <cellStyle name="Euro 4 2 2" xfId="176"/>
    <cellStyle name="Euro 4 2 3" xfId="177"/>
    <cellStyle name="Euro 4 3" xfId="178"/>
    <cellStyle name="Euro 4 3 2" xfId="179"/>
    <cellStyle name="Euro 4 3 3" xfId="180"/>
    <cellStyle name="Euro 4 4" xfId="181"/>
    <cellStyle name="Euro 4 4 2" xfId="182"/>
    <cellStyle name="Euro 4 4 3" xfId="183"/>
    <cellStyle name="Euro 4 5" xfId="184"/>
    <cellStyle name="Euro 4 5 2" xfId="185"/>
    <cellStyle name="Euro 4 5 3" xfId="186"/>
    <cellStyle name="Euro 4 6" xfId="187"/>
    <cellStyle name="Euro 4 6 2" xfId="188"/>
    <cellStyle name="Euro 4 6 3" xfId="189"/>
    <cellStyle name="Euro 4 7" xfId="190"/>
    <cellStyle name="Euro 4 7 2" xfId="191"/>
    <cellStyle name="Euro 4 7 3" xfId="192"/>
    <cellStyle name="Euro 4 8" xfId="193"/>
    <cellStyle name="Euro 4 8 2" xfId="194"/>
    <cellStyle name="Euro 4 8 3" xfId="195"/>
    <cellStyle name="Euro 4 9" xfId="196"/>
    <cellStyle name="Euro 4 9 2" xfId="197"/>
    <cellStyle name="Euro 4 9 3" xfId="198"/>
    <cellStyle name="Euro 5" xfId="199"/>
    <cellStyle name="Euro 5 2" xfId="200"/>
    <cellStyle name="Euro 5 3" xfId="201"/>
    <cellStyle name="Euro 6" xfId="202"/>
    <cellStyle name="Euro 6 2" xfId="203"/>
    <cellStyle name="Euro 6 3" xfId="204"/>
    <cellStyle name="Euro 7" xfId="205"/>
    <cellStyle name="Euro 8" xfId="206"/>
    <cellStyle name="Euro 9" xfId="491"/>
    <cellStyle name="Explanatory Text" xfId="207"/>
    <cellStyle name="Good" xfId="208"/>
    <cellStyle name="Heading 1" xfId="209"/>
    <cellStyle name="Heading 2" xfId="210"/>
    <cellStyle name="Heading 3" xfId="211"/>
    <cellStyle name="Heading 4" xfId="212"/>
    <cellStyle name="Hiperlink 2" xfId="213"/>
    <cellStyle name="Hyperlink 2" xfId="214"/>
    <cellStyle name="Hyperlink 2 2" xfId="215"/>
    <cellStyle name="Hyperlink 2 3" xfId="216"/>
    <cellStyle name="Hyperlink 2 4" xfId="492"/>
    <cellStyle name="Hyperlink 2 5" xfId="493"/>
    <cellStyle name="Hyperlink 3" xfId="217"/>
    <cellStyle name="Hyperlink 3 2" xfId="218"/>
    <cellStyle name="Hyperlink 3 3" xfId="494"/>
    <cellStyle name="Hyperlink_CR 26383-2011 PROPOSTA LOTE 06 PB" xfId="219"/>
    <cellStyle name="Incorreto" xfId="220" builtinId="27" customBuiltin="1"/>
    <cellStyle name="Incorreto 2" xfId="580"/>
    <cellStyle name="Input" xfId="221"/>
    <cellStyle name="Linked Cell" xfId="222"/>
    <cellStyle name="Moeda 2" xfId="223"/>
    <cellStyle name="Moeda 2 2" xfId="495"/>
    <cellStyle name="Moeda 2 3" xfId="496"/>
    <cellStyle name="Moeda 2 4" xfId="497"/>
    <cellStyle name="Moeda 2 5" xfId="498"/>
    <cellStyle name="Moeda 3" xfId="224"/>
    <cellStyle name="Moeda 3 2" xfId="499"/>
    <cellStyle name="Moeda 3 3" xfId="500"/>
    <cellStyle name="Moeda 4" xfId="225"/>
    <cellStyle name="Moeda 5" xfId="546"/>
    <cellStyle name="Neutra" xfId="226" builtinId="28" customBuiltin="1"/>
    <cellStyle name="Neutra 2" xfId="581"/>
    <cellStyle name="Neutral" xfId="227"/>
    <cellStyle name="Normal" xfId="0" builtinId="0"/>
    <cellStyle name="Normal 10" xfId="228"/>
    <cellStyle name="Normal 10 2" xfId="229"/>
    <cellStyle name="Normal 10 2 2" xfId="230"/>
    <cellStyle name="Normal 10 2 3" xfId="231"/>
    <cellStyle name="Normal 10 3" xfId="232"/>
    <cellStyle name="Normal 10 4" xfId="233"/>
    <cellStyle name="Normal 10 5" xfId="234"/>
    <cellStyle name="Normal 11" xfId="235"/>
    <cellStyle name="Normal 11 2" xfId="236"/>
    <cellStyle name="Normal 11 2 2" xfId="501"/>
    <cellStyle name="Normal 11 3" xfId="237"/>
    <cellStyle name="Normal 11 4" xfId="238"/>
    <cellStyle name="Normal 11 5" xfId="502"/>
    <cellStyle name="Normal 11 5 2" xfId="503"/>
    <cellStyle name="Normal 11 6" xfId="504"/>
    <cellStyle name="Normal 12" xfId="239"/>
    <cellStyle name="Normal 12 2" xfId="240"/>
    <cellStyle name="Normal 12 3" xfId="241"/>
    <cellStyle name="Normal 13" xfId="242"/>
    <cellStyle name="Normal 14" xfId="243"/>
    <cellStyle name="Normal 14 2" xfId="244"/>
    <cellStyle name="Normal 14 3" xfId="245"/>
    <cellStyle name="Normal 14 4" xfId="505"/>
    <cellStyle name="Normal 15" xfId="246"/>
    <cellStyle name="Normal 15 2" xfId="247"/>
    <cellStyle name="Normal 15 3" xfId="248"/>
    <cellStyle name="Normal 16" xfId="249"/>
    <cellStyle name="Normal 16 2" xfId="250"/>
    <cellStyle name="Normal 16 3" xfId="251"/>
    <cellStyle name="Normal 17" xfId="252"/>
    <cellStyle name="Normal 17 2" xfId="506"/>
    <cellStyle name="Normal 18" xfId="253"/>
    <cellStyle name="Normal 19" xfId="254"/>
    <cellStyle name="Normal 19 2" xfId="255"/>
    <cellStyle name="Normal 19 3" xfId="256"/>
    <cellStyle name="Normal 2" xfId="257"/>
    <cellStyle name="Normal 2 10" xfId="258"/>
    <cellStyle name="Normal 2 10 2" xfId="259"/>
    <cellStyle name="Normal 2 10 3" xfId="260"/>
    <cellStyle name="Normal 2 10 4" xfId="261"/>
    <cellStyle name="Normal 2 11" xfId="262"/>
    <cellStyle name="Normal 2 11 2" xfId="263"/>
    <cellStyle name="Normal 2 11 3" xfId="264"/>
    <cellStyle name="Normal 2 12" xfId="265"/>
    <cellStyle name="Normal 2 12 2" xfId="266"/>
    <cellStyle name="Normal 2 12 3" xfId="267"/>
    <cellStyle name="Normal 2 13" xfId="268"/>
    <cellStyle name="Normal 2 13 2" xfId="269"/>
    <cellStyle name="Normal 2 13 3" xfId="270"/>
    <cellStyle name="Normal 2 14" xfId="271"/>
    <cellStyle name="Normal 2 14 2" xfId="272"/>
    <cellStyle name="Normal 2 14 3" xfId="273"/>
    <cellStyle name="Normal 2 15" xfId="274"/>
    <cellStyle name="Normal 2 15 2" xfId="275"/>
    <cellStyle name="Normal 2 15 3" xfId="276"/>
    <cellStyle name="Normal 2 16" xfId="277"/>
    <cellStyle name="Normal 2 16 2" xfId="278"/>
    <cellStyle name="Normal 2 16 3" xfId="279"/>
    <cellStyle name="Normal 2 17" xfId="280"/>
    <cellStyle name="Normal 2 17 2" xfId="281"/>
    <cellStyle name="Normal 2 17 3" xfId="282"/>
    <cellStyle name="Normal 2 18" xfId="283"/>
    <cellStyle name="Normal 2 18 2" xfId="284"/>
    <cellStyle name="Normal 2 18 3" xfId="285"/>
    <cellStyle name="Normal 2 18 4" xfId="286"/>
    <cellStyle name="Normal 2 19" xfId="287"/>
    <cellStyle name="Normal 2 2" xfId="288"/>
    <cellStyle name="Normal 2 2 2" xfId="289"/>
    <cellStyle name="Normal 2 2 2 2" xfId="290"/>
    <cellStyle name="Normal 2 2 2 3" xfId="291"/>
    <cellStyle name="Normal 2 2 3" xfId="292"/>
    <cellStyle name="Normal 2 2 4" xfId="293"/>
    <cellStyle name="Normal 2 2 5" xfId="507"/>
    <cellStyle name="Normal 2 20" xfId="294"/>
    <cellStyle name="Normal 2 21" xfId="508"/>
    <cellStyle name="Normal 2 3" xfId="295"/>
    <cellStyle name="Normal 2 3 2" xfId="296"/>
    <cellStyle name="Normal 2 3 3" xfId="297"/>
    <cellStyle name="Normal 2 3 4" xfId="509"/>
    <cellStyle name="Normal 2 4" xfId="298"/>
    <cellStyle name="Normal 2 4 2" xfId="299"/>
    <cellStyle name="Normal 2 4 3" xfId="300"/>
    <cellStyle name="Normal 2 4 4" xfId="301"/>
    <cellStyle name="Normal 2 5" xfId="302"/>
    <cellStyle name="Normal 2 5 2" xfId="303"/>
    <cellStyle name="Normal 2 5 3" xfId="304"/>
    <cellStyle name="Normal 2 6" xfId="305"/>
    <cellStyle name="Normal 2 6 2" xfId="306"/>
    <cellStyle name="Normal 2 6 3" xfId="307"/>
    <cellStyle name="Normal 2 7" xfId="308"/>
    <cellStyle name="Normal 2 7 2" xfId="309"/>
    <cellStyle name="Normal 2 7 3" xfId="310"/>
    <cellStyle name="Normal 2 8" xfId="311"/>
    <cellStyle name="Normal 2 8 2" xfId="312"/>
    <cellStyle name="Normal 2 8 3" xfId="313"/>
    <cellStyle name="Normal 2 9" xfId="314"/>
    <cellStyle name="Normal 2 9 2" xfId="315"/>
    <cellStyle name="Normal 2 9 3" xfId="316"/>
    <cellStyle name="Normal 2_BITCOM - PO MODELO MAT-MO Rev-00" xfId="317"/>
    <cellStyle name="Normal 20" xfId="318"/>
    <cellStyle name="Normal 20 2" xfId="319"/>
    <cellStyle name="Normal 20 3" xfId="320"/>
    <cellStyle name="Normal 21" xfId="321"/>
    <cellStyle name="Normal 21 2" xfId="322"/>
    <cellStyle name="Normal 21 3" xfId="323"/>
    <cellStyle name="Normal 22" xfId="324"/>
    <cellStyle name="Normal 22 2" xfId="510"/>
    <cellStyle name="Normal 22 2 2" xfId="511"/>
    <cellStyle name="Normal 22 3" xfId="512"/>
    <cellStyle name="Normal 23" xfId="325"/>
    <cellStyle name="Normal 24" xfId="326"/>
    <cellStyle name="Normal 25" xfId="327"/>
    <cellStyle name="Normal 26" xfId="328"/>
    <cellStyle name="Normal 27" xfId="329"/>
    <cellStyle name="Normal 28" xfId="330"/>
    <cellStyle name="Normal 29" xfId="331"/>
    <cellStyle name="Normal 3" xfId="332"/>
    <cellStyle name="Normal 3 10" xfId="513"/>
    <cellStyle name="Normal 3 2" xfId="333"/>
    <cellStyle name="Normal 3 2 2" xfId="334"/>
    <cellStyle name="Normal 3 2 2 2" xfId="514"/>
    <cellStyle name="Normal 3 2 2 3" xfId="515"/>
    <cellStyle name="Normal 3 2 2 4" xfId="516"/>
    <cellStyle name="Normal 3 2 3" xfId="335"/>
    <cellStyle name="Normal 3 2 4" xfId="336"/>
    <cellStyle name="Normal 3 2 5" xfId="337"/>
    <cellStyle name="Normal 3 2 6" xfId="517"/>
    <cellStyle name="Normal 3 3" xfId="338"/>
    <cellStyle name="Normal 3 3 2" xfId="339"/>
    <cellStyle name="Normal 3 3 3" xfId="340"/>
    <cellStyle name="Normal 3 4" xfId="341"/>
    <cellStyle name="Normal 3 4 2" xfId="342"/>
    <cellStyle name="Normal 3 4 3" xfId="343"/>
    <cellStyle name="Normal 3 5" xfId="344"/>
    <cellStyle name="Normal 3 5 2" xfId="345"/>
    <cellStyle name="Normal 3 5 3" xfId="346"/>
    <cellStyle name="Normal 3 6" xfId="347"/>
    <cellStyle name="Normal 3 6 2" xfId="348"/>
    <cellStyle name="Normal 3 6 3" xfId="349"/>
    <cellStyle name="Normal 3 7" xfId="350"/>
    <cellStyle name="Normal 3 7 2" xfId="351"/>
    <cellStyle name="Normal 3 7 3" xfId="352"/>
    <cellStyle name="Normal 3 8" xfId="353"/>
    <cellStyle name="Normal 3 9" xfId="354"/>
    <cellStyle name="Normal 3_INFRAERO - DETECCAO INCENDIO Recife R-01" xfId="355"/>
    <cellStyle name="Normal 30" xfId="356"/>
    <cellStyle name="Normal 31" xfId="357"/>
    <cellStyle name="Normal 32" xfId="358"/>
    <cellStyle name="Normal 33" xfId="359"/>
    <cellStyle name="Normal 34" xfId="360"/>
    <cellStyle name="Normal 35" xfId="478"/>
    <cellStyle name="Normal 36" xfId="547"/>
    <cellStyle name="Normal 4" xfId="361"/>
    <cellStyle name="Normal 4 2" xfId="362"/>
    <cellStyle name="Normal 4 2 2" xfId="363"/>
    <cellStyle name="Normal 4 2 3" xfId="364"/>
    <cellStyle name="Normal 4 2 4" xfId="518"/>
    <cellStyle name="Normal 4 3" xfId="365"/>
    <cellStyle name="Normal 4 4" xfId="366"/>
    <cellStyle name="Normal 4_INFRAERO - DETECCAO INCENDIO Recife R-01" xfId="367"/>
    <cellStyle name="Normal 5" xfId="368"/>
    <cellStyle name="Normal 5 2" xfId="369"/>
    <cellStyle name="Normal 5 3" xfId="370"/>
    <cellStyle name="Normal 5_INFRAERO - DETECCAO INCENDIO Recife R-01" xfId="371"/>
    <cellStyle name="Normal 6" xfId="372"/>
    <cellStyle name="Normal 6 2" xfId="373"/>
    <cellStyle name="Normal 6 3" xfId="374"/>
    <cellStyle name="Normal 6_INFRAERO - DETECCAO INCENDIO Recife R-01" xfId="375"/>
    <cellStyle name="Normal 7" xfId="376"/>
    <cellStyle name="Normal 7 2" xfId="377"/>
    <cellStyle name="Normal 7 2 2" xfId="378"/>
    <cellStyle name="Normal 7 2 2 2" xfId="379"/>
    <cellStyle name="Normal 7 2 2 2 2" xfId="380"/>
    <cellStyle name="Normal 7 2 2 2 3" xfId="381"/>
    <cellStyle name="Normal 7 2 2 3" xfId="382"/>
    <cellStyle name="Normal 7 2 2 3 2" xfId="383"/>
    <cellStyle name="Normal 7 2 2 3 3" xfId="384"/>
    <cellStyle name="Normal 7 2 2 4" xfId="385"/>
    <cellStyle name="Normal 7 2 2 4 2" xfId="386"/>
    <cellStyle name="Normal 7 2 2 4 3" xfId="387"/>
    <cellStyle name="Normal 7 2 2 5" xfId="388"/>
    <cellStyle name="Normal 7 2 2 6" xfId="389"/>
    <cellStyle name="Normal 7 2 3" xfId="390"/>
    <cellStyle name="Normal 7 2 3 2" xfId="391"/>
    <cellStyle name="Normal 7 2 3 3" xfId="392"/>
    <cellStyle name="Normal 7 2 4" xfId="393"/>
    <cellStyle name="Normal 7 2 4 2" xfId="394"/>
    <cellStyle name="Normal 7 2 4 3" xfId="395"/>
    <cellStyle name="Normal 7 2 5" xfId="396"/>
    <cellStyle name="Normal 7 2 5 2" xfId="397"/>
    <cellStyle name="Normal 7 2 5 3" xfId="398"/>
    <cellStyle name="Normal 7 2 6" xfId="399"/>
    <cellStyle name="Normal 7 2 7" xfId="400"/>
    <cellStyle name="Normal 7 3" xfId="401"/>
    <cellStyle name="Normal 7 3 2" xfId="402"/>
    <cellStyle name="Normal 7 3 3" xfId="403"/>
    <cellStyle name="Normal 7 4" xfId="404"/>
    <cellStyle name="Normal 7 5" xfId="405"/>
    <cellStyle name="Normal 7 6" xfId="482"/>
    <cellStyle name="Normal 7_INFRAERO - DETECCAO INCENDIO Recife R-01" xfId="406"/>
    <cellStyle name="Normal 8" xfId="407"/>
    <cellStyle name="Normal 8 2" xfId="408"/>
    <cellStyle name="Normal 8 2 2" xfId="409"/>
    <cellStyle name="Normal 8 2 3" xfId="410"/>
    <cellStyle name="Normal 8 3" xfId="411"/>
    <cellStyle name="Normal 8 4" xfId="412"/>
    <cellStyle name="Normal 8_INFRAERO - DETECCAO INCENDIO Recife R-01" xfId="413"/>
    <cellStyle name="Normal 9" xfId="414"/>
    <cellStyle name="Normal 9 2" xfId="415"/>
    <cellStyle name="Normal 9 3" xfId="416"/>
    <cellStyle name="Normal_BB CR-2010-18502 PC BitCom LOTE-AL" xfId="417"/>
    <cellStyle name="Normal_BB CR-2010-23564 PO LOTE-xx R-02" xfId="418"/>
    <cellStyle name="Normal_BDI" xfId="548"/>
    <cellStyle name="Normal_PETROBRÁS - ORÇAMENTO -RIACHUELO- AL - 2008" xfId="419"/>
    <cellStyle name="Nota" xfId="420" builtinId="10" customBuiltin="1"/>
    <cellStyle name="Nota 2" xfId="582"/>
    <cellStyle name="Note" xfId="421"/>
    <cellStyle name="Output" xfId="422"/>
    <cellStyle name="padroes" xfId="423"/>
    <cellStyle name="padroes 2" xfId="424"/>
    <cellStyle name="padroes 3" xfId="425"/>
    <cellStyle name="padroes 4" xfId="519"/>
    <cellStyle name="Percent 2" xfId="426"/>
    <cellStyle name="Percent 2 2" xfId="427"/>
    <cellStyle name="planilhas" xfId="428"/>
    <cellStyle name="planilhas 2" xfId="429"/>
    <cellStyle name="planilhas 3" xfId="430"/>
    <cellStyle name="planilhas 4" xfId="520"/>
    <cellStyle name="Porcentagem 2" xfId="431"/>
    <cellStyle name="Porcentagem 2 2" xfId="432"/>
    <cellStyle name="Porcentagem 2 2 2" xfId="521"/>
    <cellStyle name="Porcentagem 2 3" xfId="522"/>
    <cellStyle name="Porcentagem 2 4" xfId="523"/>
    <cellStyle name="Porcentagem 2_INFRAERO - DETECCAO INCENDIO Recife R-01" xfId="433"/>
    <cellStyle name="Porcentagem 3" xfId="434"/>
    <cellStyle name="Porcentagem 3 2" xfId="524"/>
    <cellStyle name="Porcentagem 3 3" xfId="525"/>
    <cellStyle name="Porcentagem 4" xfId="435"/>
    <cellStyle name="Porcentagem 4 2" xfId="526"/>
    <cellStyle name="Porcentagem 5" xfId="436"/>
    <cellStyle name="Porcentagem 6" xfId="437"/>
    <cellStyle name="Porcentagem 7" xfId="438"/>
    <cellStyle name="Porcentagem 8" xfId="550"/>
    <cellStyle name="Saída" xfId="439" builtinId="21" customBuiltin="1"/>
    <cellStyle name="Saída 2" xfId="583"/>
    <cellStyle name="Separador de milhares 2" xfId="441"/>
    <cellStyle name="Separador de milhares 2 10" xfId="527"/>
    <cellStyle name="Separador de milhares 2 2" xfId="442"/>
    <cellStyle name="Separador de milhares 2 2 2" xfId="528"/>
    <cellStyle name="Separador de milhares 2 2 3" xfId="529"/>
    <cellStyle name="Separador de milhares 2 3" xfId="443"/>
    <cellStyle name="Separador de milhares 2 3 2" xfId="530"/>
    <cellStyle name="Separador de milhares 2 3 3" xfId="531"/>
    <cellStyle name="Separador de milhares 2 4" xfId="444"/>
    <cellStyle name="Separador de milhares 2 5" xfId="445"/>
    <cellStyle name="Separador de milhares 2 6" xfId="446"/>
    <cellStyle name="Separador de milhares 2 7" xfId="447"/>
    <cellStyle name="Separador de milhares 2 8" xfId="532"/>
    <cellStyle name="Separador de milhares 2 9" xfId="533"/>
    <cellStyle name="Separador de milhares 3" xfId="448"/>
    <cellStyle name="Separador de milhares 3 2" xfId="449"/>
    <cellStyle name="Separador de milhares 3 2 2" xfId="534"/>
    <cellStyle name="Separador de milhares 3 3" xfId="535"/>
    <cellStyle name="Separador de milhares 3 4" xfId="536"/>
    <cellStyle name="Separador de milhares 4" xfId="450"/>
    <cellStyle name="Separador de milhares 4 2" xfId="537"/>
    <cellStyle name="Separador de milhares 4 3" xfId="538"/>
    <cellStyle name="Separador de milhares 5" xfId="451"/>
    <cellStyle name="Separador de milhares 5 2" xfId="452"/>
    <cellStyle name="Separador de milhares 5 2 2" xfId="539"/>
    <cellStyle name="Separador de milhares 5 2 3" xfId="540"/>
    <cellStyle name="Separador de milhares 5 3" xfId="453"/>
    <cellStyle name="Separador de milhares 5 4" xfId="541"/>
    <cellStyle name="Separador de milhares 5 5" xfId="542"/>
    <cellStyle name="Separador de milhares 6" xfId="454"/>
    <cellStyle name="Separador de milhares 7" xfId="543"/>
    <cellStyle name="Separador de milhares 8" xfId="544"/>
    <cellStyle name="Separador de milhares_BDI" xfId="549"/>
    <cellStyle name="Separador de milhares_BITCOM - PO MODELO MAT-MO Rev-00" xfId="455"/>
    <cellStyle name="Texto de Aviso" xfId="456" builtinId="11" customBuiltin="1"/>
    <cellStyle name="Texto de Aviso 2" xfId="584"/>
    <cellStyle name="Texto Explicativo" xfId="457" builtinId="53" customBuiltin="1"/>
    <cellStyle name="Texto Explicativo 2" xfId="585"/>
    <cellStyle name="Title" xfId="458"/>
    <cellStyle name="Título" xfId="459" builtinId="15" customBuiltin="1"/>
    <cellStyle name="Título 1" xfId="460" builtinId="16" customBuiltin="1"/>
    <cellStyle name="Título 1 1" xfId="461"/>
    <cellStyle name="Título 1 1 1" xfId="462"/>
    <cellStyle name="Título 1 1 1 2" xfId="545"/>
    <cellStyle name="Título 1 1 2" xfId="463"/>
    <cellStyle name="Título 1 1 3" xfId="464"/>
    <cellStyle name="Título 1 1_INFRAERO - Deteccao Incendio -Aerop. Recife  R-02" xfId="465"/>
    <cellStyle name="Título 1 2" xfId="586"/>
    <cellStyle name="Título 2" xfId="466" builtinId="17" customBuiltin="1"/>
    <cellStyle name="Título 2 2" xfId="587"/>
    <cellStyle name="Título 3" xfId="467" builtinId="18" customBuiltin="1"/>
    <cellStyle name="Título 3 2" xfId="588"/>
    <cellStyle name="Título 3 2 2" xfId="589"/>
    <cellStyle name="Título 4" xfId="468" builtinId="19" customBuiltin="1"/>
    <cellStyle name="Título 4 2" xfId="590"/>
    <cellStyle name="Total" xfId="469" builtinId="25" customBuiltin="1"/>
    <cellStyle name="Total 2" xfId="591"/>
    <cellStyle name="Vírgula" xfId="440" builtinId="3"/>
    <cellStyle name="Vírgula 2" xfId="470"/>
    <cellStyle name="Vírgula 3" xfId="471"/>
    <cellStyle name="Vírgula 3 2" xfId="472"/>
    <cellStyle name="Vírgula 3 2 2" xfId="477"/>
    <cellStyle name="Vírgula 4" xfId="473"/>
    <cellStyle name="Vírgula 5" xfId="474"/>
    <cellStyle name="Vírgula 6" xfId="476"/>
    <cellStyle name="Vírgula 7" xfId="479"/>
    <cellStyle name="Vírgula 8" xfId="480"/>
    <cellStyle name="Vírgula 9" xfId="481"/>
    <cellStyle name="Warning Text" xfId="475"/>
  </cellStyles>
  <dxfs count="7"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externalLink" Target="externalLinks/externalLink9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876300</xdr:colOff>
      <xdr:row>0</xdr:row>
      <xdr:rowOff>0</xdr:rowOff>
    </xdr:from>
    <xdr:to>
      <xdr:col>1</xdr:col>
      <xdr:colOff>876300</xdr:colOff>
      <xdr:row>0</xdr:row>
      <xdr:rowOff>581025</xdr:rowOff>
    </xdr:to>
    <xdr:pic>
      <xdr:nvPicPr>
        <xdr:cNvPr id="5121" name="Picture 1" descr="TESTE">
          <a:extLst>
            <a:ext uri="{FF2B5EF4-FFF2-40B4-BE49-F238E27FC236}">
              <a16:creationId xmlns:a16="http://schemas.microsoft.com/office/drawing/2014/main" id="{00000000-0008-0000-0200-000001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695450" y="0"/>
          <a:ext cx="0" cy="581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876300</xdr:colOff>
      <xdr:row>0</xdr:row>
      <xdr:rowOff>0</xdr:rowOff>
    </xdr:from>
    <xdr:to>
      <xdr:col>1</xdr:col>
      <xdr:colOff>876300</xdr:colOff>
      <xdr:row>0</xdr:row>
      <xdr:rowOff>581025</xdr:rowOff>
    </xdr:to>
    <xdr:pic>
      <xdr:nvPicPr>
        <xdr:cNvPr id="5122" name="Picture 8" descr="TESTE">
          <a:extLst>
            <a:ext uri="{FF2B5EF4-FFF2-40B4-BE49-F238E27FC236}">
              <a16:creationId xmlns:a16="http://schemas.microsoft.com/office/drawing/2014/main" id="{00000000-0008-0000-0200-000002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695450" y="0"/>
          <a:ext cx="0" cy="581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876300</xdr:colOff>
      <xdr:row>0</xdr:row>
      <xdr:rowOff>0</xdr:rowOff>
    </xdr:from>
    <xdr:to>
      <xdr:col>1</xdr:col>
      <xdr:colOff>876300</xdr:colOff>
      <xdr:row>0</xdr:row>
      <xdr:rowOff>581025</xdr:rowOff>
    </xdr:to>
    <xdr:pic>
      <xdr:nvPicPr>
        <xdr:cNvPr id="5123" name="Picture 9" descr="TESTE">
          <a:extLst>
            <a:ext uri="{FF2B5EF4-FFF2-40B4-BE49-F238E27FC236}">
              <a16:creationId xmlns:a16="http://schemas.microsoft.com/office/drawing/2014/main" id="{00000000-0008-0000-0200-000003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695450" y="0"/>
          <a:ext cx="0" cy="581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876300</xdr:colOff>
      <xdr:row>0</xdr:row>
      <xdr:rowOff>0</xdr:rowOff>
    </xdr:from>
    <xdr:to>
      <xdr:col>1</xdr:col>
      <xdr:colOff>876300</xdr:colOff>
      <xdr:row>0</xdr:row>
      <xdr:rowOff>581025</xdr:rowOff>
    </xdr:to>
    <xdr:pic>
      <xdr:nvPicPr>
        <xdr:cNvPr id="5124" name="Picture 12" descr="TESTE">
          <a:extLst>
            <a:ext uri="{FF2B5EF4-FFF2-40B4-BE49-F238E27FC236}">
              <a16:creationId xmlns:a16="http://schemas.microsoft.com/office/drawing/2014/main" id="{00000000-0008-0000-0200-000004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695450" y="0"/>
          <a:ext cx="0" cy="581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876300</xdr:colOff>
      <xdr:row>0</xdr:row>
      <xdr:rowOff>0</xdr:rowOff>
    </xdr:from>
    <xdr:to>
      <xdr:col>1</xdr:col>
      <xdr:colOff>876300</xdr:colOff>
      <xdr:row>0</xdr:row>
      <xdr:rowOff>581025</xdr:rowOff>
    </xdr:to>
    <xdr:pic>
      <xdr:nvPicPr>
        <xdr:cNvPr id="5125" name="Picture 15" descr="TESTE">
          <a:extLst>
            <a:ext uri="{FF2B5EF4-FFF2-40B4-BE49-F238E27FC236}">
              <a16:creationId xmlns:a16="http://schemas.microsoft.com/office/drawing/2014/main" id="{00000000-0008-0000-0200-000005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695450" y="0"/>
          <a:ext cx="0" cy="581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0</xdr:col>
      <xdr:colOff>104775</xdr:colOff>
      <xdr:row>0</xdr:row>
      <xdr:rowOff>104775</xdr:rowOff>
    </xdr:from>
    <xdr:to>
      <xdr:col>3</xdr:col>
      <xdr:colOff>419100</xdr:colOff>
      <xdr:row>0</xdr:row>
      <xdr:rowOff>647700</xdr:rowOff>
    </xdr:to>
    <xdr:pic>
      <xdr:nvPicPr>
        <xdr:cNvPr id="5126" name="Imagem 3">
          <a:extLst>
            <a:ext uri="{FF2B5EF4-FFF2-40B4-BE49-F238E27FC236}">
              <a16:creationId xmlns:a16="http://schemas.microsoft.com/office/drawing/2014/main" id="{00000000-0008-0000-0200-0000061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4775" y="104775"/>
          <a:ext cx="6153150" cy="5429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/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561975</xdr:colOff>
      <xdr:row>43</xdr:row>
      <xdr:rowOff>114300</xdr:rowOff>
    </xdr:to>
    <xdr:pic>
      <xdr:nvPicPr>
        <xdr:cNvPr id="2" name="Imagem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4829175" cy="70770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EPE\PEOC\PROJETOS\03%20-%20SRRF\SBTE%20-%20Teresina\2008_TE.06_010_91_01241\TE_06_010_91_01241_00\Eng_aroldo\Meus%20documentos\GEOSOLO\PAVIMENT_VG\Medi&#231;&#227;o%20n&#186;%2006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EPE\PEOC\PROJETOS\03%20-%20SRRF\SBTE%20-%20Teresina\2008_TE.06_010_91_01241\TE_06_010_91_01241_00\Eng_aroldo\Meus%20documentos\GEOSOLO\PAVIMENT_VG\Med_5_marajoar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sf\DEPE\PEOC\PROJETOS\06%20-%20SRPA\SBFL%20-%20Florian&#243;polis\2008_FL06_000_91_03422_00\06%20-%20Or&#231;amento\FL.06_000.91_03422_02\OR&#199;_00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sf\DEPE\PEOC\PROJETOS\03%20-%20SRRF\SBTE%20-%20Teresina\2008_TE.06_010_91_01241\TE_06_010_91_01241_00\TE.06_010.91_01241_0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aysa\c\INTERNET\Eudora\Attach\SBLO_PcP-AmpTPS_fora_CLP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-rfsf47\egrf$\EXCEL\CECAV\OR&#199;CILNI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sf\CLIENTES\_DIVERSOS\Secretaira%20Defesa%20Social%20-%20AL\LICITACOES\PE%2006-2012%20-%20MONITORAMENTO%20DAS%20VIAS%20PUBLICAS%20-%2014-05\PROPOSTA\Consorcio%20Zero%20Hum\INFRAERO%20-%20PE02-2008%20-%20PLANILHA%20DE%20CUSTOS%20E%20FORMACAO%20DE%20PRECOS%20-%20Anexo%20V_V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sf\Users\i1456819\AppData\Local\Microsoft\Windows\Temporary%20Internet%20Files\Content.Outlook\67S8RKBC\Substitui&#231;&#227;o%20Juntas%20JEENE.xlsm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C&#243;pia%20de%20BDI_SBMO_OBRAS_E_SERV_ENG_COM_INSS%20(2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ula"/>
      <sheetName val="Sub_base"/>
      <sheetName val="Base"/>
      <sheetName val="Sub-base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atório_1ª med_"/>
      <sheetName val="Relatório-1ª med."/>
    </sheetNames>
    <sheetDataSet>
      <sheetData sheetId="0"/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"/>
      <sheetName val="Cronograma"/>
      <sheetName val="1.1"/>
      <sheetName val="1.2"/>
      <sheetName val="1.3"/>
      <sheetName val="1.4"/>
      <sheetName val="1.5"/>
      <sheetName val="2.1.1."/>
      <sheetName val="2.2.1.1."/>
      <sheetName val="2.3.1."/>
      <sheetName val="2.4.1."/>
      <sheetName val="2.5.1"/>
      <sheetName val="2.5.2"/>
      <sheetName val="2.6.1"/>
      <sheetName val="2.6.2"/>
      <sheetName val="3.1.1"/>
      <sheetName val="3.1.2"/>
      <sheetName val="3.1.3"/>
      <sheetName val="3.1.4"/>
      <sheetName val="3.1.5"/>
      <sheetName val="3.2.1.1"/>
      <sheetName val="3.2.1.2"/>
      <sheetName val="3.2.1.3"/>
      <sheetName val="3.2.1.4"/>
      <sheetName val="3.2.1.5"/>
      <sheetName val="3.2.2.1"/>
      <sheetName val="3.2.2.2"/>
      <sheetName val="3.2.2.3"/>
      <sheetName val="3.2.2.4"/>
      <sheetName val="3.2.2.5"/>
      <sheetName val="3.2.3.1"/>
      <sheetName val="3.2.3.2"/>
      <sheetName val="3.2.3.3"/>
      <sheetName val="3.2.3.4"/>
      <sheetName val="3.2.3.5"/>
      <sheetName val="3.2.4.1"/>
      <sheetName val="3.2.4.2"/>
      <sheetName val="3.2.4.3"/>
      <sheetName val="3.2.4.4"/>
      <sheetName val="3.2.4.5"/>
      <sheetName val="3.2.5.1"/>
      <sheetName val="3.2.5.2"/>
      <sheetName val="3.2.5.3"/>
      <sheetName val="3.2.5.4"/>
      <sheetName val="3.2.5.5"/>
      <sheetName val="3.2.6.1"/>
      <sheetName val="3.2.6.2"/>
      <sheetName val="3.2.6.3"/>
      <sheetName val="3.2.6.4"/>
      <sheetName val="3.2.6.5"/>
      <sheetName val="3.2.7.1"/>
      <sheetName val="3.2.7.2"/>
      <sheetName val="3.2.7.3"/>
      <sheetName val="3.2.7.4"/>
      <sheetName val="3.2.7.5"/>
      <sheetName val="3.2.8.1"/>
      <sheetName val="3.2.8.2"/>
      <sheetName val="3.2.8.3"/>
      <sheetName val="3.2.8.4"/>
      <sheetName val="3.2.8.5"/>
      <sheetName val="3.3.1.1"/>
      <sheetName val="3.3.1.2"/>
      <sheetName val="3.3.1.3"/>
      <sheetName val="3.3.1.4"/>
      <sheetName val="3.3.1.5"/>
      <sheetName val="3.3.1.6"/>
      <sheetName val="3.4.1.1"/>
      <sheetName val="3.4.1.2"/>
      <sheetName val="3.4.1.3"/>
      <sheetName val="3.4.1.4"/>
      <sheetName val="3.4.1.5"/>
      <sheetName val="3.5.1.1"/>
      <sheetName val="3.5.1.2"/>
      <sheetName val="3.5.1.3"/>
      <sheetName val="3.5.2.1"/>
      <sheetName val="3.5.2.2"/>
      <sheetName val="3.5.2.3"/>
      <sheetName val="3.6.1.1"/>
      <sheetName val="3.6.1.2"/>
      <sheetName val="3.6.1.3"/>
      <sheetName val="3.6.2.1"/>
      <sheetName val="3.7.1."/>
      <sheetName val="3.7.2."/>
      <sheetName val="3.7.3."/>
      <sheetName val="3.7.4."/>
      <sheetName val="3.7.5."/>
      <sheetName val="3.7.6.1"/>
      <sheetName val="3.7.6.2"/>
      <sheetName val="3.8.1."/>
      <sheetName val="3.8.2."/>
      <sheetName val="3.8.3."/>
      <sheetName val="3.8.4."/>
      <sheetName val="3.8.5."/>
      <sheetName val="3.9.1.1."/>
      <sheetName val="3.9.1.2."/>
      <sheetName val="3.9.1.3."/>
      <sheetName val="3.9.1.4."/>
      <sheetName val="3.9.1.5."/>
      <sheetName val="3.9.2.1"/>
      <sheetName val="3.9.2.2"/>
      <sheetName val="3.9.2.3"/>
      <sheetName val="3.9.2.4"/>
      <sheetName val="3.9.2.5"/>
      <sheetName val="3.9.3.1"/>
      <sheetName val="3.9.3.2"/>
      <sheetName val="3.9.3.3"/>
      <sheetName val="3.9.3.4"/>
      <sheetName val="3.9.3.5"/>
      <sheetName val="4.1.1."/>
      <sheetName val="4.1.2."/>
      <sheetName val="4.1.3."/>
      <sheetName val="4.1.4."/>
      <sheetName val="4.2.1.1"/>
      <sheetName val="4.2.1.2"/>
      <sheetName val="4.2.1.3"/>
      <sheetName val="4.2.1.4"/>
      <sheetName val="4.2.2.1"/>
      <sheetName val="4.2.2.2"/>
      <sheetName val="4.2.2.3"/>
      <sheetName val="4.2.2.4"/>
      <sheetName val="4.2.3.1"/>
      <sheetName val="4.2.3.2"/>
      <sheetName val="4.2.3.3"/>
      <sheetName val="4.2.3.4"/>
      <sheetName val="4.3.1.1"/>
      <sheetName val="4.3.1.2"/>
      <sheetName val="4.3.1.3"/>
      <sheetName val="4.3.1.4"/>
      <sheetName val="4.3.2.1"/>
      <sheetName val="4.3.2.2"/>
      <sheetName val="4.3.3.1"/>
      <sheetName val="4.3.3.2"/>
      <sheetName val="4.3.3.3"/>
      <sheetName val="4.3.3.4"/>
      <sheetName val="4.3.3.5"/>
      <sheetName val="aux1_A-0"/>
      <sheetName val="aux2_A-4"/>
      <sheetName val="R-17"/>
      <sheetName val="BDI-PROJETOS"/>
      <sheetName val="TRDE "/>
      <sheetName val="Encargos Sociais Horista"/>
      <sheetName val="Capa"/>
      <sheetName val="SINAPI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BD.I"/>
      <sheetName val="TRDE"/>
      <sheetName val="Estimativa Custo da Obra"/>
      <sheetName val="Custo___de Projetos_Obra_lote 1"/>
      <sheetName val="01_03 _ Projeto"/>
      <sheetName val="02_03 _ Orçamento"/>
      <sheetName val="03_03 _ Percentuais"/>
      <sheetName val="1 _ CAPA"/>
      <sheetName val="2 _ RESUMO"/>
      <sheetName val="Percentuais Gerais"/>
      <sheetName val=" E P  -  P B  (2)"/>
      <sheetName val="1.1.2"/>
      <sheetName val="1.1.3"/>
      <sheetName val="1.1.4"/>
      <sheetName val="1.1.5"/>
      <sheetName val="1.1.6"/>
      <sheetName val="2.1"/>
      <sheetName val="2.2"/>
      <sheetName val="2.3"/>
      <sheetName val="2.4"/>
      <sheetName val="2.5"/>
      <sheetName val="3.1"/>
      <sheetName val="3.2"/>
      <sheetName val="4.1"/>
      <sheetName val="4.2"/>
      <sheetName val="4.3.1"/>
      <sheetName val="4.3.2.1"/>
      <sheetName val="4.3.2.2"/>
      <sheetName val="4.3.3"/>
      <sheetName val="4.3.4.1"/>
      <sheetName val="4.3.4.2"/>
      <sheetName val="4.3.5.1"/>
      <sheetName val="4.3.5.2"/>
      <sheetName val="4.3.6.1"/>
      <sheetName val="4.3.6.2"/>
      <sheetName val="4.3.7.1"/>
      <sheetName val="4.3.7.2"/>
      <sheetName val="4.4"/>
      <sheetName val="2.4."/>
      <sheetName val="Plan1 (2)"/>
      <sheetName val="INS_EQ"/>
      <sheetName val="INS_M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 Global"/>
      <sheetName val="Elétrica"/>
      <sheetName val="Hidrossanitário"/>
      <sheetName val="Genéricos"/>
    </sheetNames>
    <sheetDataSet>
      <sheetData sheetId="0" refreshError="1">
        <row r="38">
          <cell r="D38">
            <v>0.2</v>
          </cell>
        </row>
      </sheetData>
      <sheetData sheetId="1">
        <row r="38">
          <cell r="D38">
            <v>0.2</v>
          </cell>
        </row>
      </sheetData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 refreshError="1">
        <row r="13">
          <cell r="J13">
            <v>1350.16</v>
          </cell>
        </row>
        <row r="30">
          <cell r="J30">
            <v>1189.9100000000001</v>
          </cell>
        </row>
        <row r="39">
          <cell r="J39">
            <v>11246.3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Dados"/>
      <sheetName val="DEF"/>
      <sheetName val="Efetivo"/>
      <sheetName val="Benefícios"/>
      <sheetName val="Uniforme e EPI"/>
      <sheetName val="Material"/>
      <sheetName val="AQ"/>
      <sheetName val="DE"/>
      <sheetName val="DV"/>
      <sheetName val="DOV_Simulador"/>
      <sheetName val="DOE_h"/>
      <sheetName val="DG"/>
      <sheetName val="MC"/>
      <sheetName val="E S"/>
      <sheetName val="FP"/>
      <sheetName val="Resumo"/>
      <sheetName val="Consolidado_D"/>
    </sheetNames>
    <sheetDataSet>
      <sheetData sheetId="0"/>
      <sheetData sheetId="1">
        <row r="12">
          <cell r="C12" t="str">
            <v>Planilha de Custos e Formação de Preços de Serviços Contínuos de Engenharia de Manutenção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IDERAÇÕES"/>
      <sheetName val="QUANTIDADES"/>
      <sheetName val="PLANILHA ORÇAMENTÁRIA"/>
      <sheetName val="CURVA ABC"/>
      <sheetName val="FÍSICO-FINANCEIRO"/>
      <sheetName val="INDICE COMPOSIÇÕES"/>
      <sheetName val="SINAPI"/>
      <sheetName val="COTAÇÕES"/>
      <sheetName val="FORNECEDORES"/>
      <sheetName val="ATUALIZAÇÃO"/>
      <sheetName val="ESTIMATIVAS"/>
      <sheetName val="BASE_A"/>
      <sheetName val="INFRA_01"/>
      <sheetName val="74209_1"/>
      <sheetName val="C5652"/>
      <sheetName val="INFRA_02"/>
      <sheetName val="HISTOGRAMA "/>
      <sheetName val="INFRA_03"/>
      <sheetName val="EPI"/>
      <sheetName val="DEF. EQUIP."/>
      <sheetName val="C1622"/>
      <sheetName val="73960_1"/>
      <sheetName val="73847_1"/>
      <sheetName val="74023_1"/>
      <sheetName val="73847_2"/>
      <sheetName val="C2978"/>
      <sheetName val="4352_ORSE"/>
      <sheetName val="73478A"/>
      <sheetName val="72897"/>
      <sheetName val="10033_ORSE"/>
      <sheetName val="C1523"/>
      <sheetName val="C3993"/>
      <sheetName val="9537"/>
      <sheetName val="SICRO2 MAT"/>
      <sheetName val="SICRO2 EQ"/>
      <sheetName val="SICRO2 MO"/>
      <sheetName val="APROPRIAÇÃO"/>
    </sheetNames>
    <sheetDataSet>
      <sheetData sheetId="0">
        <row r="6">
          <cell r="C6" t="str">
            <v>CONTRATAÇÃO DE EMPRESA ESPECIALIZADA EM SERVIÇOS DE ENGENHARIA, PARA SUBSTITUIÇÃO DE JUNTAS DE MOVIMENTAÇÃO DAS BASES DAS COLUNAS DAS PONTES DE EMBARQUE (PARTE FIXA E MÓVEL) DO AEROPORTO INTERNACIONAL DE MACEIÓ – ZUMBI DOS PALMARES/SBMO</v>
          </cell>
        </row>
        <row r="12">
          <cell r="C12">
            <v>41640</v>
          </cell>
        </row>
      </sheetData>
      <sheetData sheetId="1"/>
      <sheetData sheetId="2">
        <row r="10">
          <cell r="B10">
            <v>1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umos aplicados"/>
      <sheetName val="37"/>
      <sheetName val="38"/>
      <sheetName val="39"/>
      <sheetName val="40"/>
      <sheetName val="41"/>
      <sheetName val="42"/>
      <sheetName val="44"/>
      <sheetName val="46"/>
      <sheetName val="47"/>
      <sheetName val="48"/>
      <sheetName val="49"/>
      <sheetName val="50"/>
      <sheetName val="51"/>
      <sheetName val="52"/>
      <sheetName val="53"/>
      <sheetName val="54"/>
      <sheetName val="55"/>
      <sheetName val="56"/>
      <sheetName val="57"/>
      <sheetName val="58"/>
      <sheetName val="59"/>
      <sheetName val="60"/>
      <sheetName val="61"/>
      <sheetName val="62"/>
      <sheetName val="63"/>
      <sheetName val="64"/>
      <sheetName val="65"/>
      <sheetName val="66"/>
      <sheetName val="67"/>
      <sheetName val="68"/>
      <sheetName val="69"/>
      <sheetName val="70"/>
      <sheetName val="71"/>
      <sheetName val="72"/>
      <sheetName val="73"/>
      <sheetName val="74"/>
      <sheetName val="75"/>
      <sheetName val="76"/>
      <sheetName val="77"/>
      <sheetName val="78"/>
      <sheetName val="79"/>
      <sheetName val="80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97"/>
      <sheetName val="98"/>
      <sheetName val="99"/>
      <sheetName val="100"/>
      <sheetName val="RESUMO"/>
      <sheetName val="MC DO ISS"/>
      <sheetName val="&lt;= 150.000"/>
      <sheetName val=" 150.000&lt;X&lt;=1.500.000"/>
      <sheetName val=" 1.500.000&lt;X&lt;=75.000.000"/>
      <sheetName val=" 75.000.000&lt;X&lt;=150.000.000"/>
      <sheetName val="&gt;150.000.000 "/>
      <sheetName val="TR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>
        <row r="11">
          <cell r="C11">
            <v>2.0999999999999998E-2</v>
          </cell>
        </row>
      </sheetData>
      <sheetData sheetId="65"/>
      <sheetData sheetId="66"/>
      <sheetData sheetId="67"/>
      <sheetData sheetId="68"/>
      <sheetData sheetId="69"/>
      <sheetData sheetId="7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6">
    <pageSetUpPr fitToPage="1"/>
  </sheetPr>
  <dimension ref="A1:X68"/>
  <sheetViews>
    <sheetView showGridLines="0" view="pageBreakPreview" zoomScale="70" zoomScaleNormal="70" zoomScaleSheetLayoutView="70" workbookViewId="0">
      <selection activeCell="Y6" sqref="Y6"/>
    </sheetView>
  </sheetViews>
  <sheetFormatPr defaultColWidth="9.140625" defaultRowHeight="15"/>
  <cols>
    <col min="1" max="1" width="4.42578125" style="86" customWidth="1"/>
    <col min="2" max="2" width="11.42578125" style="87" customWidth="1"/>
    <col min="3" max="3" width="16.5703125" style="87" customWidth="1"/>
    <col min="4" max="4" width="20.28515625" style="87" customWidth="1"/>
    <col min="5" max="5" width="92.140625" style="88" customWidth="1"/>
    <col min="6" max="6" width="14.28515625" style="86" bestFit="1" customWidth="1"/>
    <col min="7" max="7" width="12.5703125" style="89" customWidth="1"/>
    <col min="8" max="8" width="12.140625" style="90" customWidth="1"/>
    <col min="9" max="9" width="14.85546875" style="86" customWidth="1"/>
    <col min="10" max="10" width="16.42578125" style="91" customWidth="1"/>
    <col min="11" max="11" width="2.28515625" style="88" customWidth="1"/>
    <col min="12" max="12" width="12.140625" style="92" hidden="1" customWidth="1"/>
    <col min="13" max="13" width="14.85546875" style="86" hidden="1" customWidth="1"/>
    <col min="14" max="14" width="19" style="86" hidden="1" customWidth="1"/>
    <col min="15" max="15" width="19.7109375" style="86" hidden="1" customWidth="1"/>
    <col min="16" max="16" width="10.42578125" style="86" hidden="1" customWidth="1"/>
    <col min="17" max="17" width="21.42578125" style="86" hidden="1" customWidth="1"/>
    <col min="18" max="18" width="21" style="86" hidden="1" customWidth="1"/>
    <col min="19" max="19" width="0" style="86" hidden="1" customWidth="1"/>
    <col min="20" max="20" width="13" style="86" hidden="1" customWidth="1"/>
    <col min="21" max="23" width="9.140625" style="86"/>
    <col min="24" max="24" width="11.140625" style="86" bestFit="1" customWidth="1"/>
    <col min="25" max="16384" width="9.140625" style="86"/>
  </cols>
  <sheetData>
    <row r="1" spans="1:18" ht="11.25" customHeight="1" thickBot="1"/>
    <row r="2" spans="1:18" s="94" customFormat="1" ht="23.25" customHeight="1">
      <c r="A2" s="93"/>
      <c r="B2" s="332"/>
      <c r="C2" s="333"/>
      <c r="D2" s="333"/>
      <c r="E2" s="334" t="s">
        <v>0</v>
      </c>
      <c r="F2" s="335"/>
      <c r="G2" s="336"/>
      <c r="H2" s="337"/>
      <c r="I2" s="338" t="s">
        <v>1</v>
      </c>
      <c r="J2" s="339"/>
      <c r="K2" s="88"/>
      <c r="L2" s="92"/>
    </row>
    <row r="3" spans="1:18" s="94" customFormat="1" ht="23.25" customHeight="1">
      <c r="A3" s="93"/>
      <c r="B3" s="95"/>
      <c r="C3" s="96"/>
      <c r="D3" s="96"/>
      <c r="E3" s="226"/>
      <c r="F3" s="227"/>
      <c r="G3" s="230" t="str">
        <f>IF(ISBLANK([8]CONSIDERAÇÕES!C35),"",[8]CONSIDERAÇÕES!C35)</f>
        <v/>
      </c>
      <c r="H3" s="231"/>
      <c r="I3" s="97"/>
      <c r="J3" s="98"/>
      <c r="K3" s="88"/>
      <c r="L3" s="92"/>
    </row>
    <row r="4" spans="1:18" s="94" customFormat="1" ht="23.25" customHeight="1">
      <c r="A4" s="93"/>
      <c r="B4" s="95"/>
      <c r="C4" s="96"/>
      <c r="D4" s="96"/>
      <c r="E4" s="226"/>
      <c r="F4" s="227"/>
      <c r="G4" s="99" t="s">
        <v>2</v>
      </c>
      <c r="H4" s="100"/>
      <c r="I4" s="101" t="s">
        <v>3</v>
      </c>
      <c r="J4" s="102"/>
      <c r="K4" s="88"/>
      <c r="L4" s="92"/>
    </row>
    <row r="5" spans="1:18" s="94" customFormat="1" ht="23.25" customHeight="1" thickBot="1">
      <c r="A5" s="93"/>
      <c r="B5" s="103"/>
      <c r="C5" s="104"/>
      <c r="D5" s="104"/>
      <c r="E5" s="228"/>
      <c r="F5" s="229"/>
      <c r="G5" s="232">
        <f>IF(ISBLANK([8]CONSIDERAÇÕES!C12),"",[8]CONSIDERAÇÕES!C12)</f>
        <v>41640</v>
      </c>
      <c r="H5" s="233"/>
      <c r="I5" s="234">
        <v>41821</v>
      </c>
      <c r="J5" s="235"/>
      <c r="K5" s="88"/>
      <c r="L5" s="92"/>
    </row>
    <row r="6" spans="1:18" s="94" customFormat="1" ht="15.75" thickBot="1">
      <c r="A6" s="93"/>
      <c r="B6" s="105" t="s">
        <v>4</v>
      </c>
      <c r="C6" s="147"/>
      <c r="D6" s="236" t="s">
        <v>5</v>
      </c>
      <c r="E6" s="237"/>
      <c r="F6" s="237"/>
      <c r="G6" s="237"/>
      <c r="H6" s="237"/>
      <c r="I6" s="237"/>
      <c r="J6" s="238"/>
      <c r="K6" s="88"/>
      <c r="L6" s="92"/>
    </row>
    <row r="7" spans="1:18" s="94" customFormat="1" ht="30" customHeight="1" thickBot="1">
      <c r="A7" s="93"/>
      <c r="B7" s="106" t="s">
        <v>6</v>
      </c>
      <c r="C7" s="148"/>
      <c r="D7" s="223" t="s">
        <v>7</v>
      </c>
      <c r="E7" s="224"/>
      <c r="F7" s="224"/>
      <c r="G7" s="224"/>
      <c r="H7" s="224"/>
      <c r="I7" s="224"/>
      <c r="J7" s="225"/>
      <c r="K7" s="107"/>
      <c r="L7" s="108"/>
      <c r="M7" s="187" t="s">
        <v>8</v>
      </c>
      <c r="N7" s="188">
        <v>0.85619999999999996</v>
      </c>
    </row>
    <row r="8" spans="1:18" s="94" customFormat="1" ht="19.5" thickBot="1">
      <c r="A8" s="93"/>
      <c r="B8" s="340" t="s">
        <v>9</v>
      </c>
      <c r="C8" s="341" t="s">
        <v>10</v>
      </c>
      <c r="D8" s="342" t="s">
        <v>11</v>
      </c>
      <c r="E8" s="242" t="s">
        <v>12</v>
      </c>
      <c r="F8" s="243" t="s">
        <v>13</v>
      </c>
      <c r="G8" s="244" t="s">
        <v>14</v>
      </c>
      <c r="H8" s="245" t="s">
        <v>15</v>
      </c>
      <c r="I8" s="246"/>
      <c r="J8" s="343" t="s">
        <v>16</v>
      </c>
      <c r="K8" s="107"/>
      <c r="L8" s="108"/>
      <c r="M8" s="189" t="s">
        <v>17</v>
      </c>
      <c r="N8" s="190">
        <v>0.2636</v>
      </c>
    </row>
    <row r="9" spans="1:18" s="94" customFormat="1" ht="15.75" thickBot="1">
      <c r="A9" s="93"/>
      <c r="B9" s="344"/>
      <c r="C9" s="240"/>
      <c r="D9" s="241"/>
      <c r="E9" s="345"/>
      <c r="F9" s="346"/>
      <c r="G9" s="347"/>
      <c r="H9" s="348" t="s">
        <v>18</v>
      </c>
      <c r="I9" s="349" t="s">
        <v>19</v>
      </c>
      <c r="J9" s="239"/>
      <c r="K9" s="107"/>
      <c r="L9" s="109"/>
    </row>
    <row r="10" spans="1:18" ht="16.5" thickBot="1">
      <c r="B10" s="110">
        <v>1</v>
      </c>
      <c r="C10" s="350"/>
      <c r="D10" s="351"/>
      <c r="E10" s="352" t="s">
        <v>20</v>
      </c>
      <c r="F10" s="351"/>
      <c r="G10" s="351"/>
      <c r="H10" s="351"/>
      <c r="I10" s="353">
        <f>SUM(I11:I12)</f>
        <v>2148.12</v>
      </c>
      <c r="J10" s="111"/>
      <c r="K10" s="107"/>
      <c r="L10" s="108"/>
      <c r="M10" s="150" t="s">
        <v>21</v>
      </c>
      <c r="N10" s="150" t="s">
        <v>22</v>
      </c>
    </row>
    <row r="11" spans="1:18">
      <c r="B11" s="112" t="s">
        <v>23</v>
      </c>
      <c r="C11" s="149" t="s">
        <v>24</v>
      </c>
      <c r="D11" s="113" t="s">
        <v>24</v>
      </c>
      <c r="E11" s="114" t="s">
        <v>25</v>
      </c>
      <c r="F11" s="113" t="s">
        <v>26</v>
      </c>
      <c r="G11" s="115">
        <v>1</v>
      </c>
      <c r="H11" s="116">
        <f t="shared" ref="H11:H17" si="0">SUM(M11:N11)</f>
        <v>1263.5999999999999</v>
      </c>
      <c r="I11" s="116">
        <f t="shared" ref="I11:I63" si="1">G11*H11</f>
        <v>1263.5999999999999</v>
      </c>
      <c r="J11" s="117">
        <f t="shared" ref="J11:J63" si="2">$N$8</f>
        <v>0.2636</v>
      </c>
      <c r="K11" s="118"/>
      <c r="L11" s="119"/>
      <c r="M11" s="151">
        <v>1000</v>
      </c>
      <c r="N11" s="151">
        <f t="shared" ref="N11:N17" si="3">M11*$N$8</f>
        <v>263.60000000000002</v>
      </c>
    </row>
    <row r="12" spans="1:18" ht="15.75" thickBot="1">
      <c r="B12" s="191" t="s">
        <v>27</v>
      </c>
      <c r="C12" s="192" t="s">
        <v>24</v>
      </c>
      <c r="D12" s="192" t="s">
        <v>24</v>
      </c>
      <c r="E12" s="193" t="s">
        <v>28</v>
      </c>
      <c r="F12" s="194" t="s">
        <v>26</v>
      </c>
      <c r="G12" s="195">
        <v>1</v>
      </c>
      <c r="H12" s="196">
        <f t="shared" si="0"/>
        <v>884.52</v>
      </c>
      <c r="I12" s="196">
        <f t="shared" si="1"/>
        <v>884.52</v>
      </c>
      <c r="J12" s="197">
        <f t="shared" si="2"/>
        <v>0.2636</v>
      </c>
      <c r="K12" s="118"/>
      <c r="L12" s="119"/>
      <c r="M12" s="151">
        <v>700</v>
      </c>
      <c r="N12" s="151">
        <f t="shared" si="3"/>
        <v>184.52</v>
      </c>
    </row>
    <row r="13" spans="1:18" ht="16.5" thickBot="1">
      <c r="B13" s="110">
        <v>2</v>
      </c>
      <c r="C13" s="350"/>
      <c r="D13" s="354"/>
      <c r="E13" s="352" t="s">
        <v>29</v>
      </c>
      <c r="F13" s="351"/>
      <c r="G13" s="351"/>
      <c r="H13" s="204"/>
      <c r="I13" s="215">
        <f>SUM(I14:I17)</f>
        <v>9209.1167999999998</v>
      </c>
      <c r="J13" s="205"/>
      <c r="K13" s="107"/>
      <c r="L13" s="108"/>
      <c r="M13" s="151"/>
      <c r="N13" s="151">
        <f t="shared" si="3"/>
        <v>0</v>
      </c>
    </row>
    <row r="14" spans="1:18">
      <c r="B14" s="206" t="s">
        <v>30</v>
      </c>
      <c r="C14" s="198" t="s">
        <v>24</v>
      </c>
      <c r="D14" s="199" t="s">
        <v>24</v>
      </c>
      <c r="E14" s="200" t="s">
        <v>31</v>
      </c>
      <c r="F14" s="199" t="s">
        <v>32</v>
      </c>
      <c r="G14" s="201">
        <v>2</v>
      </c>
      <c r="H14" s="202">
        <f t="shared" si="0"/>
        <v>2527.1999999999998</v>
      </c>
      <c r="I14" s="202">
        <f t="shared" si="1"/>
        <v>5054.3999999999996</v>
      </c>
      <c r="J14" s="203">
        <f t="shared" si="2"/>
        <v>0.2636</v>
      </c>
      <c r="K14" s="107"/>
      <c r="L14" s="108"/>
      <c r="M14" s="151">
        <v>2000</v>
      </c>
      <c r="N14" s="151">
        <f t="shared" si="3"/>
        <v>527.20000000000005</v>
      </c>
    </row>
    <row r="15" spans="1:18" ht="19.5" customHeight="1">
      <c r="B15" s="206" t="s">
        <v>33</v>
      </c>
      <c r="C15" s="157" t="s">
        <v>24</v>
      </c>
      <c r="D15" s="113" t="s">
        <v>24</v>
      </c>
      <c r="E15" s="152" t="s">
        <v>34</v>
      </c>
      <c r="F15" s="113" t="s">
        <v>32</v>
      </c>
      <c r="G15" s="115">
        <v>2</v>
      </c>
      <c r="H15" s="116">
        <f t="shared" si="0"/>
        <v>631.79999999999995</v>
      </c>
      <c r="I15" s="116">
        <f t="shared" si="1"/>
        <v>1263.5999999999999</v>
      </c>
      <c r="J15" s="117">
        <f t="shared" si="2"/>
        <v>0.2636</v>
      </c>
      <c r="K15" s="107"/>
      <c r="L15" s="108"/>
      <c r="M15" s="151">
        <v>500</v>
      </c>
      <c r="N15" s="151">
        <f t="shared" si="3"/>
        <v>131.80000000000001</v>
      </c>
    </row>
    <row r="16" spans="1:18">
      <c r="B16" s="206" t="s">
        <v>35</v>
      </c>
      <c r="C16" s="157" t="s">
        <v>24</v>
      </c>
      <c r="D16" s="113" t="s">
        <v>24</v>
      </c>
      <c r="E16" s="114" t="s">
        <v>36</v>
      </c>
      <c r="F16" s="113" t="s">
        <v>32</v>
      </c>
      <c r="G16" s="115">
        <v>2</v>
      </c>
      <c r="H16" s="116">
        <f t="shared" si="0"/>
        <v>555.98400000000004</v>
      </c>
      <c r="I16" s="116">
        <f t="shared" si="1"/>
        <v>1111.9680000000001</v>
      </c>
      <c r="J16" s="117">
        <f t="shared" si="2"/>
        <v>0.2636</v>
      </c>
      <c r="K16" s="107"/>
      <c r="L16" s="108"/>
      <c r="M16" s="151">
        <v>440</v>
      </c>
      <c r="N16" s="151">
        <f t="shared" si="3"/>
        <v>115.98399999999999</v>
      </c>
      <c r="P16" s="91">
        <v>20</v>
      </c>
      <c r="Q16" s="91" t="s">
        <v>37</v>
      </c>
      <c r="R16" s="86" t="e">
        <f>P16*Q16</f>
        <v>#VALUE!</v>
      </c>
    </row>
    <row r="17" spans="2:20" ht="15.75" thickBot="1">
      <c r="B17" s="206" t="s">
        <v>38</v>
      </c>
      <c r="C17" s="192" t="s">
        <v>24</v>
      </c>
      <c r="D17" s="194" t="s">
        <v>24</v>
      </c>
      <c r="E17" s="193" t="s">
        <v>39</v>
      </c>
      <c r="F17" s="194" t="s">
        <v>32</v>
      </c>
      <c r="G17" s="195">
        <v>2</v>
      </c>
      <c r="H17" s="196">
        <f t="shared" si="0"/>
        <v>889.57439999999997</v>
      </c>
      <c r="I17" s="196">
        <f t="shared" si="1"/>
        <v>1779.1487999999999</v>
      </c>
      <c r="J17" s="197">
        <f t="shared" si="2"/>
        <v>0.2636</v>
      </c>
      <c r="K17" s="107"/>
      <c r="L17" s="108"/>
      <c r="M17" s="151">
        <v>704</v>
      </c>
      <c r="N17" s="151">
        <f t="shared" si="3"/>
        <v>185.5744</v>
      </c>
      <c r="P17" s="91">
        <v>32</v>
      </c>
      <c r="Q17" s="91" t="s">
        <v>37</v>
      </c>
      <c r="R17" s="86" t="e">
        <f>P17*Q17</f>
        <v>#VALUE!</v>
      </c>
    </row>
    <row r="18" spans="2:20" ht="16.5" thickBot="1">
      <c r="B18" s="110">
        <v>3</v>
      </c>
      <c r="C18" s="350"/>
      <c r="D18" s="351"/>
      <c r="E18" s="352" t="s">
        <v>40</v>
      </c>
      <c r="F18" s="351"/>
      <c r="G18" s="351"/>
      <c r="H18" s="351"/>
      <c r="I18" s="215">
        <f>SUM(I19)</f>
        <v>255.02689892160004</v>
      </c>
      <c r="J18" s="205"/>
      <c r="K18" s="107"/>
      <c r="L18" s="155" t="s">
        <v>41</v>
      </c>
      <c r="M18" s="156" t="s">
        <v>42</v>
      </c>
      <c r="N18" s="151"/>
      <c r="O18" s="156" t="s">
        <v>8</v>
      </c>
      <c r="Q18" s="156" t="s">
        <v>43</v>
      </c>
      <c r="R18" s="156" t="s">
        <v>44</v>
      </c>
      <c r="S18" s="156"/>
      <c r="T18" s="156" t="s">
        <v>17</v>
      </c>
    </row>
    <row r="19" spans="2:20" ht="20.25" customHeight="1" thickBot="1">
      <c r="B19" s="208" t="s">
        <v>45</v>
      </c>
      <c r="C19" s="209" t="s">
        <v>46</v>
      </c>
      <c r="D19" s="210">
        <v>72135</v>
      </c>
      <c r="E19" s="211" t="s">
        <v>47</v>
      </c>
      <c r="F19" s="210" t="s">
        <v>48</v>
      </c>
      <c r="G19" s="212">
        <v>89</v>
      </c>
      <c r="H19" s="213">
        <f t="shared" ref="H19" si="4">SUM(R19,T19)</f>
        <v>2.8654707744000003</v>
      </c>
      <c r="I19" s="213">
        <f t="shared" si="1"/>
        <v>255.02689892160004</v>
      </c>
      <c r="J19" s="214">
        <f t="shared" si="2"/>
        <v>0.2636</v>
      </c>
      <c r="K19" s="118"/>
      <c r="L19" s="153">
        <v>0.56000000000000005</v>
      </c>
      <c r="M19" s="153">
        <v>0.92</v>
      </c>
      <c r="N19" s="151"/>
      <c r="O19" s="186">
        <f t="shared" ref="O19" si="5">M19*$N$7</f>
        <v>0.78770399999999996</v>
      </c>
      <c r="Q19" s="186">
        <f t="shared" ref="Q19:Q20" si="6">SUM(M19,O19)</f>
        <v>1.7077040000000001</v>
      </c>
      <c r="R19" s="186">
        <f t="shared" ref="R19:R20" si="7">SUM(Q19+L19)</f>
        <v>2.2677040000000002</v>
      </c>
      <c r="T19" s="186">
        <f t="shared" ref="T19:T20" si="8">R19*$N$8</f>
        <v>0.59776677440000003</v>
      </c>
    </row>
    <row r="20" spans="2:20" ht="16.5" thickBot="1">
      <c r="B20" s="110">
        <v>4</v>
      </c>
      <c r="C20" s="350"/>
      <c r="D20" s="216"/>
      <c r="E20" s="352" t="s">
        <v>49</v>
      </c>
      <c r="F20" s="351"/>
      <c r="G20" s="351"/>
      <c r="H20" s="204"/>
      <c r="I20" s="215">
        <f>SUM(I21:I61)</f>
        <v>22379.192115401158</v>
      </c>
      <c r="J20" s="205"/>
      <c r="K20" s="107"/>
      <c r="N20" s="151"/>
      <c r="O20" s="186"/>
      <c r="P20" s="156"/>
      <c r="Q20" s="186">
        <f t="shared" si="6"/>
        <v>0</v>
      </c>
      <c r="R20" s="186">
        <f t="shared" si="7"/>
        <v>0</v>
      </c>
      <c r="T20" s="186">
        <f t="shared" si="8"/>
        <v>0</v>
      </c>
    </row>
    <row r="21" spans="2:20">
      <c r="B21" s="206" t="s">
        <v>50</v>
      </c>
      <c r="C21" s="207" t="s">
        <v>46</v>
      </c>
      <c r="D21" s="199">
        <v>83386</v>
      </c>
      <c r="E21" s="200" t="s">
        <v>51</v>
      </c>
      <c r="F21" s="199" t="s">
        <v>26</v>
      </c>
      <c r="G21" s="201">
        <f>'PO Orçamentária'!D27</f>
        <v>2</v>
      </c>
      <c r="H21" s="202">
        <f>SUM(R21,T21)</f>
        <v>6.935496048000001</v>
      </c>
      <c r="I21" s="202">
        <f t="shared" si="1"/>
        <v>13.870992096000002</v>
      </c>
      <c r="J21" s="203">
        <f t="shared" si="2"/>
        <v>0.2636</v>
      </c>
      <c r="K21" s="107"/>
      <c r="L21" s="153">
        <v>2.89</v>
      </c>
      <c r="M21" s="151">
        <v>1.4</v>
      </c>
      <c r="N21" s="151"/>
      <c r="O21" s="186">
        <f>M21*$N$7</f>
        <v>1.19868</v>
      </c>
      <c r="P21" s="91"/>
      <c r="Q21" s="186">
        <f>SUM(M21,O21)</f>
        <v>2.5986799999999999</v>
      </c>
      <c r="R21" s="186">
        <f>SUM(Q21+L21)</f>
        <v>5.4886800000000004</v>
      </c>
      <c r="S21" s="91"/>
      <c r="T21" s="186">
        <f>R21*$N$8</f>
        <v>1.4468160480000001</v>
      </c>
    </row>
    <row r="22" spans="2:20">
      <c r="B22" s="206" t="s">
        <v>52</v>
      </c>
      <c r="C22" s="149" t="s">
        <v>46</v>
      </c>
      <c r="D22" s="113">
        <v>83388</v>
      </c>
      <c r="E22" s="114" t="s">
        <v>53</v>
      </c>
      <c r="F22" s="113" t="s">
        <v>26</v>
      </c>
      <c r="G22" s="115">
        <f>'PO Orçamentária'!D29</f>
        <v>58</v>
      </c>
      <c r="H22" s="116">
        <f t="shared" ref="H22:H63" si="9">SUM(R22,T22)</f>
        <v>9.5258760480000007</v>
      </c>
      <c r="I22" s="116">
        <f t="shared" si="1"/>
        <v>552.50081078400001</v>
      </c>
      <c r="J22" s="117">
        <f t="shared" si="2"/>
        <v>0.2636</v>
      </c>
      <c r="K22" s="107"/>
      <c r="L22" s="153">
        <v>4.9400000000000004</v>
      </c>
      <c r="M22" s="151">
        <v>1.4</v>
      </c>
      <c r="N22" s="151"/>
      <c r="O22" s="186">
        <f t="shared" ref="O22:O64" si="10">M22*$N$7</f>
        <v>1.19868</v>
      </c>
      <c r="Q22" s="186">
        <f t="shared" ref="Q22:Q64" si="11">SUM(M22,O22)</f>
        <v>2.5986799999999999</v>
      </c>
      <c r="R22" s="186">
        <f t="shared" ref="R22:R64" si="12">SUM(Q22+L22)</f>
        <v>7.5386800000000003</v>
      </c>
      <c r="T22" s="186">
        <f t="shared" ref="T22:T64" si="13">R22*$N$8</f>
        <v>1.9871960480000002</v>
      </c>
    </row>
    <row r="23" spans="2:20">
      <c r="B23" s="206" t="s">
        <v>54</v>
      </c>
      <c r="C23" s="149" t="s">
        <v>46</v>
      </c>
      <c r="D23" s="113">
        <v>83387</v>
      </c>
      <c r="E23" s="114" t="s">
        <v>55</v>
      </c>
      <c r="F23" s="113" t="s">
        <v>26</v>
      </c>
      <c r="G23" s="115">
        <f>'PO Orçamentária'!D30</f>
        <v>95</v>
      </c>
      <c r="H23" s="116">
        <f t="shared" si="9"/>
        <v>5.5834440480000005</v>
      </c>
      <c r="I23" s="116">
        <f t="shared" si="1"/>
        <v>530.42718456</v>
      </c>
      <c r="J23" s="117">
        <f t="shared" si="2"/>
        <v>0.2636</v>
      </c>
      <c r="K23" s="107"/>
      <c r="L23" s="153">
        <v>1.82</v>
      </c>
      <c r="M23" s="151">
        <v>1.4</v>
      </c>
      <c r="N23" s="151"/>
      <c r="O23" s="186">
        <f t="shared" si="10"/>
        <v>1.19868</v>
      </c>
      <c r="Q23" s="186">
        <f t="shared" si="11"/>
        <v>2.5986799999999999</v>
      </c>
      <c r="R23" s="186">
        <f t="shared" si="12"/>
        <v>4.4186800000000002</v>
      </c>
      <c r="T23" s="186">
        <f t="shared" si="13"/>
        <v>1.1647640480000001</v>
      </c>
    </row>
    <row r="24" spans="2:20">
      <c r="B24" s="206" t="s">
        <v>56</v>
      </c>
      <c r="C24" s="149" t="s">
        <v>46</v>
      </c>
      <c r="D24" s="113">
        <v>72936</v>
      </c>
      <c r="E24" s="114" t="s">
        <v>57</v>
      </c>
      <c r="F24" s="113" t="s">
        <v>48</v>
      </c>
      <c r="G24" s="115">
        <f>'PO Orçamentária'!D33</f>
        <v>18</v>
      </c>
      <c r="H24" s="116">
        <f t="shared" si="9"/>
        <v>7.2039023783999996</v>
      </c>
      <c r="I24" s="116">
        <f t="shared" si="1"/>
        <v>129.67024281119998</v>
      </c>
      <c r="J24" s="117">
        <f t="shared" si="2"/>
        <v>0.2636</v>
      </c>
      <c r="K24" s="107"/>
      <c r="L24" s="153">
        <v>2.23</v>
      </c>
      <c r="M24" s="151">
        <v>1.87</v>
      </c>
      <c r="N24" s="151"/>
      <c r="O24" s="186">
        <f t="shared" si="10"/>
        <v>1.601094</v>
      </c>
      <c r="Q24" s="186">
        <f t="shared" si="11"/>
        <v>3.4710939999999999</v>
      </c>
      <c r="R24" s="186">
        <f t="shared" si="12"/>
        <v>5.7010939999999994</v>
      </c>
      <c r="T24" s="186">
        <f t="shared" si="13"/>
        <v>1.5028083783999999</v>
      </c>
    </row>
    <row r="25" spans="2:20">
      <c r="B25" s="206" t="s">
        <v>58</v>
      </c>
      <c r="C25" s="149" t="s">
        <v>46</v>
      </c>
      <c r="D25" s="113">
        <v>72935</v>
      </c>
      <c r="E25" s="114" t="s">
        <v>59</v>
      </c>
      <c r="F25" s="113" t="s">
        <v>48</v>
      </c>
      <c r="G25" s="115">
        <f>'PO Orçamentária'!D34</f>
        <v>478</v>
      </c>
      <c r="H25" s="116">
        <f t="shared" si="9"/>
        <v>5.1917280479999999</v>
      </c>
      <c r="I25" s="116">
        <f t="shared" si="1"/>
        <v>2481.646006944</v>
      </c>
      <c r="J25" s="117">
        <f t="shared" si="2"/>
        <v>0.2636</v>
      </c>
      <c r="K25" s="107"/>
      <c r="L25" s="153">
        <v>1.51</v>
      </c>
      <c r="M25" s="151">
        <v>1.4</v>
      </c>
      <c r="N25" s="151"/>
      <c r="O25" s="186">
        <f t="shared" si="10"/>
        <v>1.19868</v>
      </c>
      <c r="Q25" s="186">
        <f t="shared" si="11"/>
        <v>2.5986799999999999</v>
      </c>
      <c r="R25" s="186">
        <f t="shared" si="12"/>
        <v>4.1086799999999997</v>
      </c>
      <c r="T25" s="186">
        <f t="shared" si="13"/>
        <v>1.083048048</v>
      </c>
    </row>
    <row r="26" spans="2:20">
      <c r="B26" s="206" t="s">
        <v>60</v>
      </c>
      <c r="C26" s="149" t="s">
        <v>46</v>
      </c>
      <c r="D26" s="113">
        <v>73613</v>
      </c>
      <c r="E26" s="114" t="s">
        <v>61</v>
      </c>
      <c r="F26" s="113" t="s">
        <v>48</v>
      </c>
      <c r="G26" s="115">
        <f>'PO Orçamentária'!D35</f>
        <v>67</v>
      </c>
      <c r="H26" s="116">
        <f t="shared" si="9"/>
        <v>9.1830360960000004</v>
      </c>
      <c r="I26" s="116">
        <f t="shared" si="1"/>
        <v>615.26341843199998</v>
      </c>
      <c r="J26" s="117">
        <f t="shared" si="2"/>
        <v>0.2636</v>
      </c>
      <c r="K26" s="107"/>
      <c r="L26" s="153">
        <v>2.0699999999999998</v>
      </c>
      <c r="M26" s="151">
        <v>2.8</v>
      </c>
      <c r="N26" s="151"/>
      <c r="O26" s="186">
        <f t="shared" si="10"/>
        <v>2.3973599999999999</v>
      </c>
      <c r="Q26" s="186">
        <f t="shared" si="11"/>
        <v>5.1973599999999998</v>
      </c>
      <c r="R26" s="186">
        <f t="shared" si="12"/>
        <v>7.26736</v>
      </c>
      <c r="T26" s="186">
        <f t="shared" si="13"/>
        <v>1.9156760960000001</v>
      </c>
    </row>
    <row r="27" spans="2:20">
      <c r="B27" s="206" t="s">
        <v>62</v>
      </c>
      <c r="C27" s="149" t="s">
        <v>46</v>
      </c>
      <c r="D27" s="113">
        <v>55866</v>
      </c>
      <c r="E27" s="114" t="s">
        <v>63</v>
      </c>
      <c r="F27" s="113" t="s">
        <v>48</v>
      </c>
      <c r="G27" s="115">
        <f>'PO Orçamentária'!D36</f>
        <v>22</v>
      </c>
      <c r="H27" s="116">
        <f t="shared" si="9"/>
        <v>19.277532143999998</v>
      </c>
      <c r="I27" s="116">
        <f t="shared" si="1"/>
        <v>424.10570716799998</v>
      </c>
      <c r="J27" s="117">
        <f t="shared" si="2"/>
        <v>0.2636</v>
      </c>
      <c r="K27" s="107"/>
      <c r="L27" s="153">
        <v>7.46</v>
      </c>
      <c r="M27" s="151">
        <v>4.2</v>
      </c>
      <c r="N27" s="151"/>
      <c r="O27" s="186">
        <f t="shared" si="10"/>
        <v>3.5960399999999999</v>
      </c>
      <c r="Q27" s="186">
        <f t="shared" si="11"/>
        <v>7.7960399999999996</v>
      </c>
      <c r="R27" s="186">
        <f t="shared" si="12"/>
        <v>15.256039999999999</v>
      </c>
      <c r="T27" s="186">
        <f t="shared" si="13"/>
        <v>4.0214921439999998</v>
      </c>
    </row>
    <row r="28" spans="2:20">
      <c r="B28" s="206" t="s">
        <v>64</v>
      </c>
      <c r="C28" s="149" t="s">
        <v>46</v>
      </c>
      <c r="D28" s="113">
        <v>72332</v>
      </c>
      <c r="E28" s="114" t="s">
        <v>65</v>
      </c>
      <c r="F28" s="113" t="s">
        <v>26</v>
      </c>
      <c r="G28" s="115">
        <f>'PO Orçamentária'!D39</f>
        <v>7</v>
      </c>
      <c r="H28" s="116">
        <f t="shared" si="9"/>
        <v>19.701472471199999</v>
      </c>
      <c r="I28" s="116">
        <f t="shared" si="1"/>
        <v>137.9103072984</v>
      </c>
      <c r="J28" s="117">
        <f t="shared" si="2"/>
        <v>0.2636</v>
      </c>
      <c r="K28" s="107"/>
      <c r="L28" s="153">
        <v>10.19</v>
      </c>
      <c r="M28" s="151">
        <v>2.91</v>
      </c>
      <c r="N28" s="151"/>
      <c r="O28" s="186">
        <f t="shared" si="10"/>
        <v>2.4915419999999999</v>
      </c>
      <c r="Q28" s="186">
        <f t="shared" si="11"/>
        <v>5.4015420000000001</v>
      </c>
      <c r="R28" s="186">
        <f t="shared" si="12"/>
        <v>15.591542</v>
      </c>
      <c r="T28" s="186">
        <f t="shared" si="13"/>
        <v>4.1099304712000002</v>
      </c>
    </row>
    <row r="29" spans="2:20">
      <c r="B29" s="206" t="s">
        <v>66</v>
      </c>
      <c r="C29" s="149" t="s">
        <v>46</v>
      </c>
      <c r="D29" s="113">
        <v>83467</v>
      </c>
      <c r="E29" s="114" t="s">
        <v>67</v>
      </c>
      <c r="F29" s="113" t="s">
        <v>26</v>
      </c>
      <c r="G29" s="115">
        <f>'PO Orçamentária'!D40</f>
        <v>8</v>
      </c>
      <c r="H29" s="116">
        <f t="shared" si="9"/>
        <v>29.376412884000001</v>
      </c>
      <c r="I29" s="116">
        <f t="shared" si="1"/>
        <v>235.011303072</v>
      </c>
      <c r="J29" s="117">
        <f t="shared" si="2"/>
        <v>0.2636</v>
      </c>
      <c r="K29" s="107"/>
      <c r="L29" s="153">
        <v>14.06</v>
      </c>
      <c r="M29" s="151">
        <v>4.95</v>
      </c>
      <c r="N29" s="151"/>
      <c r="O29" s="186">
        <f t="shared" si="10"/>
        <v>4.2381900000000003</v>
      </c>
      <c r="Q29" s="186">
        <f t="shared" si="11"/>
        <v>9.1881900000000005</v>
      </c>
      <c r="R29" s="186">
        <f t="shared" si="12"/>
        <v>23.248190000000001</v>
      </c>
      <c r="T29" s="186">
        <f t="shared" si="13"/>
        <v>6.1282228840000004</v>
      </c>
    </row>
    <row r="30" spans="2:20">
      <c r="B30" s="206" t="s">
        <v>68</v>
      </c>
      <c r="C30" s="149" t="s">
        <v>46</v>
      </c>
      <c r="D30" s="113">
        <v>72331</v>
      </c>
      <c r="E30" s="114" t="s">
        <v>69</v>
      </c>
      <c r="F30" s="113" t="s">
        <v>26</v>
      </c>
      <c r="G30" s="115">
        <f>'PO Orçamentária'!D41</f>
        <v>11</v>
      </c>
      <c r="H30" s="116">
        <f t="shared" si="9"/>
        <v>9.761658753599999</v>
      </c>
      <c r="I30" s="116">
        <f t="shared" si="1"/>
        <v>107.37824628959999</v>
      </c>
      <c r="J30" s="117">
        <f t="shared" si="2"/>
        <v>0.2636</v>
      </c>
      <c r="K30" s="107"/>
      <c r="L30" s="153">
        <v>4.05</v>
      </c>
      <c r="M30" s="151">
        <v>1.98</v>
      </c>
      <c r="N30" s="151"/>
      <c r="O30" s="186">
        <f t="shared" si="10"/>
        <v>1.695276</v>
      </c>
      <c r="Q30" s="186">
        <f t="shared" si="11"/>
        <v>3.6752760000000002</v>
      </c>
      <c r="R30" s="186">
        <f t="shared" si="12"/>
        <v>7.725276</v>
      </c>
      <c r="T30" s="186">
        <f t="shared" si="13"/>
        <v>2.0363827535999999</v>
      </c>
    </row>
    <row r="31" spans="2:20">
      <c r="B31" s="206" t="s">
        <v>70</v>
      </c>
      <c r="C31" s="149" t="s">
        <v>46</v>
      </c>
      <c r="D31" s="113" t="s">
        <v>71</v>
      </c>
      <c r="E31" s="114" t="s">
        <v>72</v>
      </c>
      <c r="F31" s="113" t="s">
        <v>26</v>
      </c>
      <c r="G31" s="115">
        <f>'PO Orçamentária'!D44</f>
        <v>1</v>
      </c>
      <c r="H31" s="116">
        <f t="shared" si="9"/>
        <v>518.09478215039996</v>
      </c>
      <c r="I31" s="116">
        <f t="shared" si="1"/>
        <v>518.09478215039996</v>
      </c>
      <c r="J31" s="117">
        <f t="shared" si="2"/>
        <v>0.2636</v>
      </c>
      <c r="K31" s="107"/>
      <c r="L31" s="153">
        <v>349.28</v>
      </c>
      <c r="M31" s="151">
        <v>32.72</v>
      </c>
      <c r="N31" s="151"/>
      <c r="O31" s="186">
        <f t="shared" si="10"/>
        <v>28.014863999999999</v>
      </c>
      <c r="Q31" s="186">
        <f t="shared" si="11"/>
        <v>60.734864000000002</v>
      </c>
      <c r="R31" s="186">
        <f t="shared" si="12"/>
        <v>410.01486399999999</v>
      </c>
      <c r="T31" s="186">
        <f t="shared" si="13"/>
        <v>108.07991815039999</v>
      </c>
    </row>
    <row r="32" spans="2:20">
      <c r="B32" s="206" t="s">
        <v>73</v>
      </c>
      <c r="C32" s="149" t="s">
        <v>46</v>
      </c>
      <c r="D32" s="113" t="s">
        <v>74</v>
      </c>
      <c r="E32" s="114" t="s">
        <v>75</v>
      </c>
      <c r="F32" s="113" t="s">
        <v>26</v>
      </c>
      <c r="G32" s="115">
        <v>2</v>
      </c>
      <c r="H32" s="116">
        <f t="shared" si="9"/>
        <v>347.64973167600004</v>
      </c>
      <c r="I32" s="116">
        <f t="shared" si="1"/>
        <v>695.29946335200009</v>
      </c>
      <c r="J32" s="117">
        <f t="shared" si="2"/>
        <v>0.2636</v>
      </c>
      <c r="K32" s="107"/>
      <c r="L32" s="153">
        <v>223.06</v>
      </c>
      <c r="M32" s="151">
        <v>28.05</v>
      </c>
      <c r="N32" s="151"/>
      <c r="O32" s="186">
        <f t="shared" si="10"/>
        <v>24.01641</v>
      </c>
      <c r="Q32" s="186">
        <f t="shared" si="11"/>
        <v>52.066410000000005</v>
      </c>
      <c r="R32" s="186">
        <f t="shared" si="12"/>
        <v>275.12641000000002</v>
      </c>
      <c r="T32" s="186">
        <f t="shared" si="13"/>
        <v>72.523321676000009</v>
      </c>
    </row>
    <row r="33" spans="2:24">
      <c r="B33" s="206" t="s">
        <v>76</v>
      </c>
      <c r="C33" s="149" t="s">
        <v>46</v>
      </c>
      <c r="D33" s="113">
        <v>83566</v>
      </c>
      <c r="E33" s="114" t="s">
        <v>77</v>
      </c>
      <c r="F33" s="113" t="s">
        <v>26</v>
      </c>
      <c r="G33" s="115">
        <v>59</v>
      </c>
      <c r="H33" s="116">
        <f t="shared" si="9"/>
        <v>22.9989023784</v>
      </c>
      <c r="I33" s="116">
        <f t="shared" si="1"/>
        <v>1356.9352403256</v>
      </c>
      <c r="J33" s="117">
        <f t="shared" si="2"/>
        <v>0.2636</v>
      </c>
      <c r="K33" s="107"/>
      <c r="L33" s="153">
        <v>14.73</v>
      </c>
      <c r="M33" s="151">
        <v>1.87</v>
      </c>
      <c r="N33" s="151"/>
      <c r="O33" s="186">
        <f t="shared" si="10"/>
        <v>1.601094</v>
      </c>
      <c r="Q33" s="186">
        <f t="shared" si="11"/>
        <v>3.4710939999999999</v>
      </c>
      <c r="R33" s="186">
        <f t="shared" si="12"/>
        <v>18.201094000000001</v>
      </c>
      <c r="T33" s="186">
        <f t="shared" si="13"/>
        <v>4.7978083784000001</v>
      </c>
    </row>
    <row r="34" spans="2:24">
      <c r="B34" s="206" t="s">
        <v>78</v>
      </c>
      <c r="C34" s="149" t="s">
        <v>46</v>
      </c>
      <c r="D34" s="113">
        <v>83566</v>
      </c>
      <c r="E34" s="114" t="s">
        <v>79</v>
      </c>
      <c r="F34" s="113" t="s">
        <v>26</v>
      </c>
      <c r="G34" s="115">
        <f>'PO Orçamentária'!D51</f>
        <v>10</v>
      </c>
      <c r="H34" s="116">
        <f t="shared" si="9"/>
        <v>22.9989023784</v>
      </c>
      <c r="I34" s="116">
        <f t="shared" si="1"/>
        <v>229.98902378400001</v>
      </c>
      <c r="J34" s="117">
        <f t="shared" si="2"/>
        <v>0.2636</v>
      </c>
      <c r="K34" s="107"/>
      <c r="L34" s="153">
        <v>14.73</v>
      </c>
      <c r="M34" s="151">
        <v>1.87</v>
      </c>
      <c r="N34" s="151"/>
      <c r="O34" s="186">
        <f t="shared" si="10"/>
        <v>1.601094</v>
      </c>
      <c r="Q34" s="186">
        <f t="shared" si="11"/>
        <v>3.4710939999999999</v>
      </c>
      <c r="R34" s="186">
        <f t="shared" si="12"/>
        <v>18.201094000000001</v>
      </c>
      <c r="T34" s="186">
        <f t="shared" si="13"/>
        <v>4.7978083784000001</v>
      </c>
    </row>
    <row r="35" spans="2:24">
      <c r="B35" s="206" t="s">
        <v>80</v>
      </c>
      <c r="C35" s="149" t="s">
        <v>81</v>
      </c>
      <c r="D35" s="113">
        <v>8359</v>
      </c>
      <c r="E35" s="114" t="s">
        <v>82</v>
      </c>
      <c r="F35" s="113" t="s">
        <v>48</v>
      </c>
      <c r="G35" s="115">
        <f>'PO Orçamentária'!D52</f>
        <v>9</v>
      </c>
      <c r="H35" s="116">
        <f t="shared" si="9"/>
        <v>36.339200164800005</v>
      </c>
      <c r="I35" s="116">
        <f t="shared" si="1"/>
        <v>327.05280148320003</v>
      </c>
      <c r="J35" s="117">
        <f t="shared" si="2"/>
        <v>0.2636</v>
      </c>
      <c r="K35" s="107"/>
      <c r="L35" s="153">
        <v>22.93</v>
      </c>
      <c r="M35" s="151">
        <v>3.14</v>
      </c>
      <c r="N35" s="151"/>
      <c r="O35" s="186">
        <f t="shared" si="10"/>
        <v>2.6884679999999999</v>
      </c>
      <c r="Q35" s="186">
        <f t="shared" si="11"/>
        <v>5.828468</v>
      </c>
      <c r="R35" s="186">
        <f t="shared" si="12"/>
        <v>28.758468000000001</v>
      </c>
      <c r="T35" s="186">
        <f t="shared" si="13"/>
        <v>7.5807321648000006</v>
      </c>
    </row>
    <row r="36" spans="2:24">
      <c r="B36" s="206" t="s">
        <v>83</v>
      </c>
      <c r="C36" s="149" t="s">
        <v>46</v>
      </c>
      <c r="D36" s="113">
        <v>83422</v>
      </c>
      <c r="E36" s="114" t="str">
        <f>'PO Orçamentária'!B61</f>
        <v>Cabo 1 KV - EPR - Fase25 mm2</v>
      </c>
      <c r="F36" s="113" t="s">
        <v>48</v>
      </c>
      <c r="G36" s="115">
        <f>'PO Orçamentária'!D61</f>
        <v>56.33</v>
      </c>
      <c r="H36" s="116">
        <f t="shared" si="9"/>
        <v>19.202001717600002</v>
      </c>
      <c r="I36" s="116">
        <f t="shared" si="1"/>
        <v>1081.648756752408</v>
      </c>
      <c r="J36" s="117">
        <f t="shared" si="2"/>
        <v>0.2636</v>
      </c>
      <c r="K36" s="107"/>
      <c r="L36" s="153">
        <v>13.47</v>
      </c>
      <c r="M36" s="151">
        <v>0.93</v>
      </c>
      <c r="N36" s="151"/>
      <c r="O36" s="186">
        <f t="shared" si="10"/>
        <v>0.79626600000000003</v>
      </c>
      <c r="Q36" s="186">
        <f t="shared" si="11"/>
        <v>1.7262660000000001</v>
      </c>
      <c r="R36" s="186">
        <f t="shared" si="12"/>
        <v>15.196266000000001</v>
      </c>
      <c r="T36" s="186">
        <f t="shared" si="13"/>
        <v>4.0057357176000004</v>
      </c>
    </row>
    <row r="37" spans="2:24">
      <c r="B37" s="206" t="s">
        <v>84</v>
      </c>
      <c r="C37" s="149" t="s">
        <v>46</v>
      </c>
      <c r="D37" s="113">
        <v>83422</v>
      </c>
      <c r="E37" s="114" t="str">
        <f>'PO Orçamentária'!B62</f>
        <v>Cabo 1 KV - EPR - Neutro25 mm2</v>
      </c>
      <c r="F37" s="113" t="s">
        <v>48</v>
      </c>
      <c r="G37" s="115">
        <f>'PO Orçamentária'!D62</f>
        <v>18.78</v>
      </c>
      <c r="H37" s="116">
        <f t="shared" si="9"/>
        <v>19.202001717600002</v>
      </c>
      <c r="I37" s="116">
        <f t="shared" si="1"/>
        <v>360.61359225652808</v>
      </c>
      <c r="J37" s="117">
        <f t="shared" si="2"/>
        <v>0.2636</v>
      </c>
      <c r="K37" s="107"/>
      <c r="L37" s="153">
        <v>13.47</v>
      </c>
      <c r="M37" s="151">
        <v>0.93</v>
      </c>
      <c r="N37" s="151"/>
      <c r="O37" s="186">
        <f t="shared" si="10"/>
        <v>0.79626600000000003</v>
      </c>
      <c r="Q37" s="186">
        <f t="shared" si="11"/>
        <v>1.7262660000000001</v>
      </c>
      <c r="R37" s="186">
        <f t="shared" si="12"/>
        <v>15.196266000000001</v>
      </c>
      <c r="T37" s="186">
        <f t="shared" si="13"/>
        <v>4.0057357176000004</v>
      </c>
    </row>
    <row r="38" spans="2:24">
      <c r="B38" s="206" t="s">
        <v>85</v>
      </c>
      <c r="C38" s="149" t="s">
        <v>46</v>
      </c>
      <c r="D38" s="113">
        <v>83422</v>
      </c>
      <c r="E38" s="114" t="str">
        <f>'PO Orçamentária'!B63</f>
        <v>Cabo 1 KV - EPR - Terra25 mm2</v>
      </c>
      <c r="F38" s="113" t="s">
        <v>48</v>
      </c>
      <c r="G38" s="115">
        <f>'PO Orçamentária'!D63</f>
        <v>18.78</v>
      </c>
      <c r="H38" s="116">
        <f t="shared" si="9"/>
        <v>19.202001717600002</v>
      </c>
      <c r="I38" s="116">
        <f t="shared" si="1"/>
        <v>360.61359225652808</v>
      </c>
      <c r="J38" s="117">
        <f t="shared" si="2"/>
        <v>0.2636</v>
      </c>
      <c r="K38" s="107"/>
      <c r="L38" s="153">
        <v>13.47</v>
      </c>
      <c r="M38" s="151">
        <v>0.93</v>
      </c>
      <c r="N38" s="151"/>
      <c r="O38" s="186">
        <f t="shared" si="10"/>
        <v>0.79626600000000003</v>
      </c>
      <c r="Q38" s="186">
        <f t="shared" si="11"/>
        <v>1.7262660000000001</v>
      </c>
      <c r="R38" s="186">
        <f t="shared" si="12"/>
        <v>15.196266000000001</v>
      </c>
      <c r="T38" s="186">
        <f t="shared" si="13"/>
        <v>4.0057357176000004</v>
      </c>
    </row>
    <row r="39" spans="2:24">
      <c r="B39" s="206" t="s">
        <v>86</v>
      </c>
      <c r="C39" s="149" t="s">
        <v>46</v>
      </c>
      <c r="D39" s="113" t="s">
        <v>87</v>
      </c>
      <c r="E39" s="114" t="str">
        <f>'PO Orçamentária'!B64</f>
        <v>Disjuntor a seco - DIN1P20A</v>
      </c>
      <c r="F39" s="113" t="s">
        <v>26</v>
      </c>
      <c r="G39" s="115">
        <f>'PO Orçamentária'!D64</f>
        <v>9</v>
      </c>
      <c r="H39" s="116">
        <f t="shared" si="9"/>
        <v>10.8372199104</v>
      </c>
      <c r="I39" s="116">
        <f t="shared" si="1"/>
        <v>97.534979193599995</v>
      </c>
      <c r="J39" s="117">
        <f t="shared" si="2"/>
        <v>0.2636</v>
      </c>
      <c r="K39" s="107"/>
      <c r="L39" s="153">
        <v>7.24</v>
      </c>
      <c r="M39" s="151">
        <v>0.72</v>
      </c>
      <c r="N39" s="151"/>
      <c r="O39" s="186">
        <f t="shared" si="10"/>
        <v>0.6164639999999999</v>
      </c>
      <c r="Q39" s="186">
        <f t="shared" si="11"/>
        <v>1.3364639999999999</v>
      </c>
      <c r="R39" s="186">
        <f t="shared" si="12"/>
        <v>8.5764639999999996</v>
      </c>
      <c r="T39" s="186">
        <f t="shared" si="13"/>
        <v>2.2607559103999999</v>
      </c>
    </row>
    <row r="40" spans="2:24">
      <c r="B40" s="206" t="s">
        <v>88</v>
      </c>
      <c r="C40" s="149" t="s">
        <v>46</v>
      </c>
      <c r="D40" s="113" t="s">
        <v>87</v>
      </c>
      <c r="E40" s="114" t="str">
        <f>'PO Orçamentária'!B65</f>
        <v>Disjuntor a seco - DIN1P25A</v>
      </c>
      <c r="F40" s="113" t="s">
        <v>26</v>
      </c>
      <c r="G40" s="115">
        <f>'PO Orçamentária'!D65</f>
        <v>10</v>
      </c>
      <c r="H40" s="116">
        <f t="shared" si="9"/>
        <v>10.8372199104</v>
      </c>
      <c r="I40" s="116">
        <f t="shared" si="1"/>
        <v>108.372199104</v>
      </c>
      <c r="J40" s="117">
        <f t="shared" si="2"/>
        <v>0.2636</v>
      </c>
      <c r="K40" s="107"/>
      <c r="L40" s="153">
        <v>7.24</v>
      </c>
      <c r="M40" s="151">
        <v>0.72</v>
      </c>
      <c r="N40" s="151"/>
      <c r="O40" s="186">
        <f t="shared" si="10"/>
        <v>0.6164639999999999</v>
      </c>
      <c r="Q40" s="186">
        <f t="shared" si="11"/>
        <v>1.3364639999999999</v>
      </c>
      <c r="R40" s="186">
        <f t="shared" si="12"/>
        <v>8.5764639999999996</v>
      </c>
      <c r="T40" s="186">
        <f t="shared" si="13"/>
        <v>2.2607559103999999</v>
      </c>
    </row>
    <row r="41" spans="2:24">
      <c r="B41" s="206" t="s">
        <v>89</v>
      </c>
      <c r="C41" s="149" t="s">
        <v>46</v>
      </c>
      <c r="D41" s="113" t="s">
        <v>87</v>
      </c>
      <c r="E41" s="114" t="str">
        <f>'PO Orçamentária'!B66</f>
        <v>Disjuntor a seco - DIN1P10A</v>
      </c>
      <c r="F41" s="113" t="s">
        <v>26</v>
      </c>
      <c r="G41" s="115">
        <f>'PO Orçamentária'!D66</f>
        <v>4</v>
      </c>
      <c r="H41" s="116">
        <f t="shared" si="9"/>
        <v>10.8372199104</v>
      </c>
      <c r="I41" s="116">
        <f t="shared" si="1"/>
        <v>43.3488796416</v>
      </c>
      <c r="J41" s="117">
        <f t="shared" si="2"/>
        <v>0.2636</v>
      </c>
      <c r="K41" s="107"/>
      <c r="L41" s="153">
        <v>7.24</v>
      </c>
      <c r="M41" s="151">
        <v>0.72</v>
      </c>
      <c r="N41" s="151"/>
      <c r="O41" s="186">
        <f t="shared" si="10"/>
        <v>0.6164639999999999</v>
      </c>
      <c r="Q41" s="186">
        <f t="shared" si="11"/>
        <v>1.3364639999999999</v>
      </c>
      <c r="R41" s="186">
        <f t="shared" si="12"/>
        <v>8.5764639999999996</v>
      </c>
      <c r="T41" s="186">
        <f t="shared" si="13"/>
        <v>2.2607559103999999</v>
      </c>
    </row>
    <row r="42" spans="2:24">
      <c r="B42" s="206" t="s">
        <v>90</v>
      </c>
      <c r="C42" s="149" t="s">
        <v>46</v>
      </c>
      <c r="D42" s="113" t="s">
        <v>91</v>
      </c>
      <c r="E42" s="114" t="str">
        <f>'PO Orçamentária'!B67</f>
        <v>Disjuntor a seco - DIN3P63A</v>
      </c>
      <c r="F42" s="113" t="s">
        <v>26</v>
      </c>
      <c r="G42" s="115">
        <f>'PO Orçamentária'!D67</f>
        <v>1</v>
      </c>
      <c r="H42" s="116">
        <f t="shared" si="9"/>
        <v>69.948559324800001</v>
      </c>
      <c r="I42" s="116">
        <f t="shared" si="1"/>
        <v>69.948559324800001</v>
      </c>
      <c r="J42" s="117">
        <f t="shared" si="2"/>
        <v>0.2636</v>
      </c>
      <c r="K42" s="107"/>
      <c r="L42" s="153">
        <v>48.6</v>
      </c>
      <c r="M42" s="151">
        <v>3.64</v>
      </c>
      <c r="N42" s="151"/>
      <c r="O42" s="186">
        <f t="shared" si="10"/>
        <v>3.116568</v>
      </c>
      <c r="Q42" s="186">
        <f t="shared" si="11"/>
        <v>6.7565679999999997</v>
      </c>
      <c r="R42" s="186">
        <f t="shared" si="12"/>
        <v>55.356568000000003</v>
      </c>
      <c r="T42" s="186">
        <f t="shared" si="13"/>
        <v>14.5919913248</v>
      </c>
    </row>
    <row r="43" spans="2:24">
      <c r="B43" s="206" t="s">
        <v>92</v>
      </c>
      <c r="C43" s="149" t="s">
        <v>46</v>
      </c>
      <c r="D43" s="113" t="s">
        <v>91</v>
      </c>
      <c r="E43" s="114" t="str">
        <f>'PO Orçamentária'!B68</f>
        <v>Disjuntor a seco - DIN3P90A</v>
      </c>
      <c r="F43" s="113" t="s">
        <v>26</v>
      </c>
      <c r="G43" s="115">
        <f>'PO Orçamentária'!D68</f>
        <v>2</v>
      </c>
      <c r="H43" s="116">
        <f t="shared" si="9"/>
        <v>69.948559324800001</v>
      </c>
      <c r="I43" s="116">
        <f t="shared" si="1"/>
        <v>139.8971186496</v>
      </c>
      <c r="J43" s="117">
        <f t="shared" si="2"/>
        <v>0.2636</v>
      </c>
      <c r="K43" s="107"/>
      <c r="L43" s="153">
        <v>48.6</v>
      </c>
      <c r="M43" s="151">
        <v>3.64</v>
      </c>
      <c r="N43" s="151"/>
      <c r="O43" s="186">
        <f t="shared" si="10"/>
        <v>3.116568</v>
      </c>
      <c r="Q43" s="186">
        <f t="shared" si="11"/>
        <v>6.7565679999999997</v>
      </c>
      <c r="R43" s="186">
        <f t="shared" si="12"/>
        <v>55.356568000000003</v>
      </c>
      <c r="T43" s="186">
        <f t="shared" si="13"/>
        <v>14.5919913248</v>
      </c>
    </row>
    <row r="44" spans="2:24">
      <c r="B44" s="206" t="s">
        <v>93</v>
      </c>
      <c r="C44" s="149" t="s">
        <v>46</v>
      </c>
      <c r="D44" s="113" t="s">
        <v>91</v>
      </c>
      <c r="E44" s="114" t="str">
        <f>'PO Orçamentária'!B69</f>
        <v>Disjuntor a seco - DIN3P32A</v>
      </c>
      <c r="F44" s="113" t="s">
        <v>26</v>
      </c>
      <c r="G44" s="115">
        <f>'PO Orçamentária'!D69</f>
        <v>2</v>
      </c>
      <c r="H44" s="116">
        <f t="shared" si="9"/>
        <v>69.948559324800001</v>
      </c>
      <c r="I44" s="116">
        <f t="shared" si="1"/>
        <v>139.8971186496</v>
      </c>
      <c r="J44" s="117">
        <f t="shared" si="2"/>
        <v>0.2636</v>
      </c>
      <c r="K44" s="107"/>
      <c r="L44" s="153">
        <v>48.6</v>
      </c>
      <c r="M44" s="151">
        <v>3.64</v>
      </c>
      <c r="N44" s="151"/>
      <c r="O44" s="186">
        <f t="shared" si="10"/>
        <v>3.116568</v>
      </c>
      <c r="Q44" s="186">
        <f t="shared" si="11"/>
        <v>6.7565679999999997</v>
      </c>
      <c r="R44" s="186">
        <f t="shared" si="12"/>
        <v>55.356568000000003</v>
      </c>
      <c r="T44" s="186">
        <f t="shared" si="13"/>
        <v>14.5919913248</v>
      </c>
      <c r="X44" s="221"/>
    </row>
    <row r="45" spans="2:24">
      <c r="B45" s="206" t="s">
        <v>94</v>
      </c>
      <c r="C45" s="149" t="s">
        <v>24</v>
      </c>
      <c r="D45" s="113" t="s">
        <v>24</v>
      </c>
      <c r="E45" s="114" t="str">
        <f>'PO Orçamentária'!B70</f>
        <v>DPS - 45kA45kA</v>
      </c>
      <c r="F45" s="113" t="s">
        <v>26</v>
      </c>
      <c r="G45" s="115">
        <f>'PO Orçamentária'!D70</f>
        <v>3</v>
      </c>
      <c r="H45" s="116">
        <f t="shared" si="9"/>
        <v>109.62559932480001</v>
      </c>
      <c r="I45" s="116">
        <f t="shared" si="1"/>
        <v>328.87679797440001</v>
      </c>
      <c r="J45" s="117">
        <f t="shared" si="2"/>
        <v>0.2636</v>
      </c>
      <c r="K45" s="107"/>
      <c r="L45" s="153">
        <v>80</v>
      </c>
      <c r="M45" s="151">
        <v>3.64</v>
      </c>
      <c r="N45" s="151"/>
      <c r="O45" s="186">
        <f t="shared" si="10"/>
        <v>3.116568</v>
      </c>
      <c r="Q45" s="186">
        <f t="shared" si="11"/>
        <v>6.7565679999999997</v>
      </c>
      <c r="R45" s="186">
        <f t="shared" si="12"/>
        <v>86.756568000000001</v>
      </c>
      <c r="T45" s="186">
        <f t="shared" si="13"/>
        <v>22.869031324800002</v>
      </c>
    </row>
    <row r="46" spans="2:24">
      <c r="B46" s="206" t="s">
        <v>95</v>
      </c>
      <c r="C46" s="149" t="s">
        <v>46</v>
      </c>
      <c r="D46" s="113" t="s">
        <v>96</v>
      </c>
      <c r="E46" s="114" t="str">
        <f>'PO Orçamentária'!B71</f>
        <v>Fio cabo 750 V - PVC - Fase4 mm2</v>
      </c>
      <c r="F46" s="113" t="s">
        <v>48</v>
      </c>
      <c r="G46" s="115">
        <f>'PO Orçamentária'!D71</f>
        <v>183.24</v>
      </c>
      <c r="H46" s="116">
        <f t="shared" si="9"/>
        <v>4.1386564440000004</v>
      </c>
      <c r="I46" s="116">
        <f t="shared" si="1"/>
        <v>758.36740679856007</v>
      </c>
      <c r="J46" s="117">
        <f t="shared" si="2"/>
        <v>0.2636</v>
      </c>
      <c r="K46" s="107"/>
      <c r="L46" s="153">
        <v>2.44</v>
      </c>
      <c r="M46" s="151">
        <v>0.45</v>
      </c>
      <c r="N46" s="151"/>
      <c r="O46" s="186">
        <f t="shared" si="10"/>
        <v>0.38528999999999997</v>
      </c>
      <c r="Q46" s="186">
        <f t="shared" si="11"/>
        <v>0.83528999999999998</v>
      </c>
      <c r="R46" s="186">
        <f t="shared" si="12"/>
        <v>3.27529</v>
      </c>
      <c r="T46" s="186">
        <f t="shared" si="13"/>
        <v>0.86336644400000007</v>
      </c>
    </row>
    <row r="47" spans="2:24">
      <c r="B47" s="206" t="s">
        <v>97</v>
      </c>
      <c r="C47" s="149" t="s">
        <v>46</v>
      </c>
      <c r="D47" s="113" t="s">
        <v>98</v>
      </c>
      <c r="E47" s="114" t="str">
        <f>'PO Orçamentária'!B72</f>
        <v>Fio cabo 750 V - PVC - Fase16 mm²</v>
      </c>
      <c r="F47" s="113" t="s">
        <v>48</v>
      </c>
      <c r="G47" s="115">
        <f>'PO Orçamentária'!D72</f>
        <v>9.93</v>
      </c>
      <c r="H47" s="116">
        <f t="shared" si="9"/>
        <v>11.313670399199999</v>
      </c>
      <c r="I47" s="116">
        <f t="shared" si="1"/>
        <v>112.34474706405599</v>
      </c>
      <c r="J47" s="117">
        <f t="shared" si="2"/>
        <v>0.2636</v>
      </c>
      <c r="K47" s="107"/>
      <c r="L47" s="153">
        <v>7.45</v>
      </c>
      <c r="M47" s="151">
        <v>0.81</v>
      </c>
      <c r="N47" s="151"/>
      <c r="O47" s="186">
        <f t="shared" si="10"/>
        <v>0.69352199999999997</v>
      </c>
      <c r="Q47" s="186">
        <f t="shared" si="11"/>
        <v>1.503522</v>
      </c>
      <c r="R47" s="186">
        <f t="shared" si="12"/>
        <v>8.9535219999999995</v>
      </c>
      <c r="T47" s="186">
        <f t="shared" si="13"/>
        <v>2.3601483991999999</v>
      </c>
    </row>
    <row r="48" spans="2:24">
      <c r="B48" s="206" t="s">
        <v>99</v>
      </c>
      <c r="C48" s="149" t="s">
        <v>46</v>
      </c>
      <c r="D48" s="113" t="s">
        <v>100</v>
      </c>
      <c r="E48" s="114" t="str">
        <f>'PO Orçamentária'!B73</f>
        <v>Fio cabo 750 V - PVC - Fase6 mm2</v>
      </c>
      <c r="F48" s="113" t="s">
        <v>48</v>
      </c>
      <c r="G48" s="115">
        <f>'PO Orçamentária'!D73</f>
        <v>199.3</v>
      </c>
      <c r="H48" s="116">
        <f t="shared" si="9"/>
        <v>6.1024374216000004</v>
      </c>
      <c r="I48" s="116">
        <f t="shared" si="1"/>
        <v>1216.2157781248802</v>
      </c>
      <c r="J48" s="117">
        <f t="shared" si="2"/>
        <v>0.2636</v>
      </c>
      <c r="K48" s="107"/>
      <c r="L48" s="153">
        <v>3.66</v>
      </c>
      <c r="M48" s="151">
        <v>0.63</v>
      </c>
      <c r="N48" s="151"/>
      <c r="O48" s="186">
        <f t="shared" si="10"/>
        <v>0.53940599999999994</v>
      </c>
      <c r="Q48" s="186">
        <f t="shared" si="11"/>
        <v>1.1694059999999999</v>
      </c>
      <c r="R48" s="186">
        <f t="shared" si="12"/>
        <v>4.8294060000000005</v>
      </c>
      <c r="T48" s="186">
        <f t="shared" si="13"/>
        <v>1.2730314216</v>
      </c>
    </row>
    <row r="49" spans="2:20">
      <c r="B49" s="206" t="s">
        <v>101</v>
      </c>
      <c r="C49" s="149" t="s">
        <v>46</v>
      </c>
      <c r="D49" s="113" t="s">
        <v>102</v>
      </c>
      <c r="E49" s="114" t="str">
        <f>'PO Orçamentária'!B74</f>
        <v>Fio cabo 750 V - PVC - Fase2,5 mm2</v>
      </c>
      <c r="F49" s="113" t="s">
        <v>48</v>
      </c>
      <c r="G49" s="115">
        <f>'PO Orçamentária'!D74</f>
        <v>460.33</v>
      </c>
      <c r="H49" s="116">
        <f t="shared" si="9"/>
        <v>2.8624204439999996</v>
      </c>
      <c r="I49" s="116">
        <f t="shared" si="1"/>
        <v>1317.6580029865197</v>
      </c>
      <c r="J49" s="117">
        <f t="shared" si="2"/>
        <v>0.2636</v>
      </c>
      <c r="K49" s="107"/>
      <c r="L49" s="153">
        <v>1.43</v>
      </c>
      <c r="M49" s="151">
        <v>0.45</v>
      </c>
      <c r="N49" s="151"/>
      <c r="O49" s="186">
        <f t="shared" si="10"/>
        <v>0.38528999999999997</v>
      </c>
      <c r="Q49" s="186">
        <f t="shared" si="11"/>
        <v>0.83528999999999998</v>
      </c>
      <c r="R49" s="186">
        <f t="shared" si="12"/>
        <v>2.2652899999999998</v>
      </c>
      <c r="T49" s="186">
        <f t="shared" si="13"/>
        <v>0.59713044399999993</v>
      </c>
    </row>
    <row r="50" spans="2:20">
      <c r="B50" s="206" t="s">
        <v>103</v>
      </c>
      <c r="C50" s="149" t="s">
        <v>46</v>
      </c>
      <c r="D50" s="113" t="s">
        <v>104</v>
      </c>
      <c r="E50" s="114" t="str">
        <f>'PO Orçamentária'!B75</f>
        <v>Fio cabo 750 V - PVC - Fase1,5 mm2</v>
      </c>
      <c r="F50" s="113" t="s">
        <v>48</v>
      </c>
      <c r="G50" s="115">
        <f>'PO Orçamentária'!D75</f>
        <v>265.06</v>
      </c>
      <c r="H50" s="116">
        <f t="shared" si="9"/>
        <v>2.1332499552000002</v>
      </c>
      <c r="I50" s="116">
        <f t="shared" si="1"/>
        <v>565.43923312531206</v>
      </c>
      <c r="J50" s="117">
        <f t="shared" si="2"/>
        <v>0.2636</v>
      </c>
      <c r="K50" s="107"/>
      <c r="L50" s="153">
        <v>1.02</v>
      </c>
      <c r="M50" s="151">
        <v>0.36</v>
      </c>
      <c r="N50" s="151"/>
      <c r="O50" s="186">
        <f t="shared" si="10"/>
        <v>0.30823199999999995</v>
      </c>
      <c r="Q50" s="186">
        <f t="shared" si="11"/>
        <v>0.66823199999999994</v>
      </c>
      <c r="R50" s="186">
        <f t="shared" si="12"/>
        <v>1.688232</v>
      </c>
      <c r="T50" s="186">
        <f t="shared" si="13"/>
        <v>0.44501795519999998</v>
      </c>
    </row>
    <row r="51" spans="2:20">
      <c r="B51" s="206" t="s">
        <v>105</v>
      </c>
      <c r="C51" s="149" t="s">
        <v>46</v>
      </c>
      <c r="D51" s="113" t="s">
        <v>98</v>
      </c>
      <c r="E51" s="114" t="str">
        <f>'PO Orçamentária'!B76</f>
        <v>Fio cabo 750 V - PVC - Neutro16 mm²</v>
      </c>
      <c r="F51" s="113" t="s">
        <v>48</v>
      </c>
      <c r="G51" s="115">
        <f>'PO Orçamentária'!D76</f>
        <v>3.31</v>
      </c>
      <c r="H51" s="116">
        <f t="shared" si="9"/>
        <v>11.313670399199999</v>
      </c>
      <c r="I51" s="116">
        <f t="shared" si="1"/>
        <v>37.448249021351998</v>
      </c>
      <c r="J51" s="117">
        <f t="shared" si="2"/>
        <v>0.2636</v>
      </c>
      <c r="K51" s="107"/>
      <c r="L51" s="153">
        <v>7.45</v>
      </c>
      <c r="M51" s="151">
        <v>0.81</v>
      </c>
      <c r="N51" s="151"/>
      <c r="O51" s="186">
        <f t="shared" si="10"/>
        <v>0.69352199999999997</v>
      </c>
      <c r="Q51" s="186">
        <f t="shared" si="11"/>
        <v>1.503522</v>
      </c>
      <c r="R51" s="186">
        <f t="shared" si="12"/>
        <v>8.9535219999999995</v>
      </c>
      <c r="T51" s="186">
        <f t="shared" si="13"/>
        <v>2.3601483991999999</v>
      </c>
    </row>
    <row r="52" spans="2:20">
      <c r="B52" s="206" t="s">
        <v>106</v>
      </c>
      <c r="C52" s="149" t="s">
        <v>46</v>
      </c>
      <c r="D52" s="113" t="s">
        <v>100</v>
      </c>
      <c r="E52" s="114" t="str">
        <f>'PO Orçamentária'!B77</f>
        <v>Fio cabo 750 V - PVC - Neutro6 mm2</v>
      </c>
      <c r="F52" s="113" t="s">
        <v>48</v>
      </c>
      <c r="G52" s="115">
        <f>'PO Orçamentária'!D77</f>
        <v>66.430000000000007</v>
      </c>
      <c r="H52" s="116">
        <f t="shared" si="9"/>
        <v>6.1024374216000004</v>
      </c>
      <c r="I52" s="116">
        <f t="shared" si="1"/>
        <v>405.38491791688807</v>
      </c>
      <c r="J52" s="117">
        <f t="shared" si="2"/>
        <v>0.2636</v>
      </c>
      <c r="K52" s="107"/>
      <c r="L52" s="153">
        <v>3.66</v>
      </c>
      <c r="M52" s="151">
        <v>0.63</v>
      </c>
      <c r="N52" s="151"/>
      <c r="O52" s="186">
        <f t="shared" si="10"/>
        <v>0.53940599999999994</v>
      </c>
      <c r="Q52" s="186">
        <f t="shared" si="11"/>
        <v>1.1694059999999999</v>
      </c>
      <c r="R52" s="186">
        <f t="shared" si="12"/>
        <v>4.8294060000000005</v>
      </c>
      <c r="T52" s="186">
        <f t="shared" si="13"/>
        <v>1.2730314216</v>
      </c>
    </row>
    <row r="53" spans="2:20">
      <c r="B53" s="206" t="s">
        <v>107</v>
      </c>
      <c r="C53" s="149" t="s">
        <v>46</v>
      </c>
      <c r="D53" s="113" t="s">
        <v>96</v>
      </c>
      <c r="E53" s="114" t="str">
        <f>'PO Orçamentária'!B78</f>
        <v>Fio cabo 750 V - PVC - Neutro4 mm2</v>
      </c>
      <c r="F53" s="113" t="s">
        <v>48</v>
      </c>
      <c r="G53" s="115">
        <f>'PO Orçamentária'!D78</f>
        <v>183.24</v>
      </c>
      <c r="H53" s="116">
        <f t="shared" si="9"/>
        <v>4.1386564440000004</v>
      </c>
      <c r="I53" s="116">
        <f t="shared" si="1"/>
        <v>758.36740679856007</v>
      </c>
      <c r="J53" s="117">
        <f t="shared" si="2"/>
        <v>0.2636</v>
      </c>
      <c r="K53" s="107"/>
      <c r="L53" s="153">
        <v>2.44</v>
      </c>
      <c r="M53" s="151">
        <v>0.45</v>
      </c>
      <c r="N53" s="151"/>
      <c r="O53" s="186">
        <f t="shared" si="10"/>
        <v>0.38528999999999997</v>
      </c>
      <c r="Q53" s="186">
        <f t="shared" si="11"/>
        <v>0.83528999999999998</v>
      </c>
      <c r="R53" s="186">
        <f t="shared" si="12"/>
        <v>3.27529</v>
      </c>
      <c r="T53" s="186">
        <f t="shared" si="13"/>
        <v>0.86336644400000007</v>
      </c>
    </row>
    <row r="54" spans="2:20">
      <c r="B54" s="206" t="s">
        <v>108</v>
      </c>
      <c r="C54" s="149" t="s">
        <v>46</v>
      </c>
      <c r="D54" s="113" t="s">
        <v>104</v>
      </c>
      <c r="E54" s="114" t="str">
        <f>'PO Orçamentária'!B79</f>
        <v>Fio cabo 750 V - PVC - Neutro1,5 mm2</v>
      </c>
      <c r="F54" s="113" t="s">
        <v>48</v>
      </c>
      <c r="G54" s="115">
        <f>'PO Orçamentária'!D79</f>
        <v>310.92</v>
      </c>
      <c r="H54" s="116">
        <f t="shared" si="9"/>
        <v>2.1332499552000002</v>
      </c>
      <c r="I54" s="116">
        <f t="shared" si="1"/>
        <v>663.27007607078406</v>
      </c>
      <c r="J54" s="117">
        <f t="shared" si="2"/>
        <v>0.2636</v>
      </c>
      <c r="K54" s="107"/>
      <c r="L54" s="153">
        <v>1.02</v>
      </c>
      <c r="M54" s="151">
        <v>0.36</v>
      </c>
      <c r="N54" s="151"/>
      <c r="O54" s="186">
        <f t="shared" si="10"/>
        <v>0.30823199999999995</v>
      </c>
      <c r="Q54" s="186">
        <f t="shared" si="11"/>
        <v>0.66823199999999994</v>
      </c>
      <c r="R54" s="186">
        <f t="shared" si="12"/>
        <v>1.688232</v>
      </c>
      <c r="T54" s="186">
        <f t="shared" si="13"/>
        <v>0.44501795519999998</v>
      </c>
    </row>
    <row r="55" spans="2:20">
      <c r="B55" s="206" t="s">
        <v>109</v>
      </c>
      <c r="C55" s="149" t="s">
        <v>46</v>
      </c>
      <c r="D55" s="113" t="s">
        <v>102</v>
      </c>
      <c r="E55" s="114" t="str">
        <f>'PO Orçamentária'!B80</f>
        <v>Fio cabo 750 V - PVC - Neutro2,5 mm2</v>
      </c>
      <c r="F55" s="113" t="s">
        <v>48</v>
      </c>
      <c r="G55" s="115">
        <f>'PO Orçamentária'!D80</f>
        <v>460.33</v>
      </c>
      <c r="H55" s="116">
        <f t="shared" si="9"/>
        <v>2.8624204439999996</v>
      </c>
      <c r="I55" s="116">
        <f t="shared" si="1"/>
        <v>1317.6580029865197</v>
      </c>
      <c r="J55" s="117">
        <f t="shared" si="2"/>
        <v>0.2636</v>
      </c>
      <c r="K55" s="107"/>
      <c r="L55" s="153">
        <v>1.43</v>
      </c>
      <c r="M55" s="151">
        <v>0.45</v>
      </c>
      <c r="N55" s="151"/>
      <c r="O55" s="186">
        <f t="shared" si="10"/>
        <v>0.38528999999999997</v>
      </c>
      <c r="Q55" s="186">
        <f t="shared" si="11"/>
        <v>0.83528999999999998</v>
      </c>
      <c r="R55" s="186">
        <f t="shared" si="12"/>
        <v>2.2652899999999998</v>
      </c>
      <c r="T55" s="186">
        <f t="shared" si="13"/>
        <v>0.59713044399999993</v>
      </c>
    </row>
    <row r="56" spans="2:20">
      <c r="B56" s="206" t="s">
        <v>110</v>
      </c>
      <c r="C56" s="149" t="s">
        <v>46</v>
      </c>
      <c r="D56" s="113" t="s">
        <v>104</v>
      </c>
      <c r="E56" s="114" t="str">
        <f>'PO Orçamentária'!B81</f>
        <v>Fio cabo 750 V - PVC - Retorno1,5 mm2</v>
      </c>
      <c r="F56" s="113" t="s">
        <v>48</v>
      </c>
      <c r="G56" s="115">
        <f>'PO Orçamentária'!D81</f>
        <v>449.55</v>
      </c>
      <c r="H56" s="116">
        <f t="shared" si="9"/>
        <v>2.1332499552000002</v>
      </c>
      <c r="I56" s="116">
        <f t="shared" si="1"/>
        <v>959.00251736016014</v>
      </c>
      <c r="J56" s="117">
        <f t="shared" si="2"/>
        <v>0.2636</v>
      </c>
      <c r="K56" s="107"/>
      <c r="L56" s="153">
        <v>1.02</v>
      </c>
      <c r="M56" s="151">
        <v>0.36</v>
      </c>
      <c r="N56" s="151"/>
      <c r="O56" s="186">
        <f t="shared" si="10"/>
        <v>0.30823199999999995</v>
      </c>
      <c r="Q56" s="186">
        <f t="shared" si="11"/>
        <v>0.66823199999999994</v>
      </c>
      <c r="R56" s="186">
        <f t="shared" si="12"/>
        <v>1.688232</v>
      </c>
      <c r="T56" s="186">
        <f t="shared" si="13"/>
        <v>0.44501795519999998</v>
      </c>
    </row>
    <row r="57" spans="2:20">
      <c r="B57" s="206" t="s">
        <v>111</v>
      </c>
      <c r="C57" s="149" t="s">
        <v>46</v>
      </c>
      <c r="D57" s="113" t="s">
        <v>96</v>
      </c>
      <c r="E57" s="114" t="str">
        <f>'PO Orçamentária'!B82</f>
        <v>Fio cabo 750 V - PVC - Terra4 mm2</v>
      </c>
      <c r="F57" s="113" t="s">
        <v>48</v>
      </c>
      <c r="G57" s="115">
        <f>'PO Orçamentária'!D82</f>
        <v>183.24</v>
      </c>
      <c r="H57" s="116">
        <f t="shared" si="9"/>
        <v>4.1386564440000004</v>
      </c>
      <c r="I57" s="116">
        <f t="shared" si="1"/>
        <v>758.36740679856007</v>
      </c>
      <c r="J57" s="117">
        <f t="shared" si="2"/>
        <v>0.2636</v>
      </c>
      <c r="K57" s="107"/>
      <c r="L57" s="153">
        <v>2.44</v>
      </c>
      <c r="M57" s="151">
        <v>0.45</v>
      </c>
      <c r="N57" s="151"/>
      <c r="O57" s="186">
        <f t="shared" si="10"/>
        <v>0.38528999999999997</v>
      </c>
      <c r="Q57" s="186">
        <f t="shared" si="11"/>
        <v>0.83528999999999998</v>
      </c>
      <c r="R57" s="186">
        <f t="shared" si="12"/>
        <v>3.27529</v>
      </c>
      <c r="T57" s="186">
        <f t="shared" si="13"/>
        <v>0.86336644400000007</v>
      </c>
    </row>
    <row r="58" spans="2:20">
      <c r="B58" s="206" t="s">
        <v>112</v>
      </c>
      <c r="C58" s="149" t="s">
        <v>46</v>
      </c>
      <c r="D58" s="113" t="s">
        <v>98</v>
      </c>
      <c r="E58" s="114" t="str">
        <f>'PO Orçamentária'!B83</f>
        <v>Fio cabo 750 V - PVC - Terra16 mm²</v>
      </c>
      <c r="F58" s="113" t="s">
        <v>48</v>
      </c>
      <c r="G58" s="115">
        <f>'PO Orçamentária'!D83</f>
        <v>3.31</v>
      </c>
      <c r="H58" s="116">
        <f t="shared" si="9"/>
        <v>11.313670399199999</v>
      </c>
      <c r="I58" s="116">
        <f t="shared" si="1"/>
        <v>37.448249021351998</v>
      </c>
      <c r="J58" s="117">
        <f t="shared" si="2"/>
        <v>0.2636</v>
      </c>
      <c r="K58" s="107"/>
      <c r="L58" s="153">
        <v>7.45</v>
      </c>
      <c r="M58" s="151">
        <v>0.81</v>
      </c>
      <c r="N58" s="151"/>
      <c r="O58" s="186">
        <f t="shared" si="10"/>
        <v>0.69352199999999997</v>
      </c>
      <c r="Q58" s="186">
        <f t="shared" si="11"/>
        <v>1.503522</v>
      </c>
      <c r="R58" s="186">
        <f t="shared" si="12"/>
        <v>8.9535219999999995</v>
      </c>
      <c r="T58" s="186">
        <f t="shared" si="13"/>
        <v>2.3601483991999999</v>
      </c>
    </row>
    <row r="59" spans="2:20">
      <c r="B59" s="206" t="s">
        <v>113</v>
      </c>
      <c r="C59" s="149" t="s">
        <v>46</v>
      </c>
      <c r="D59" s="113" t="s">
        <v>100</v>
      </c>
      <c r="E59" s="114" t="str">
        <f>'PO Orçamentária'!B84</f>
        <v>Fio cabo 750 V - PVC - Terra6 mm2</v>
      </c>
      <c r="F59" s="113" t="s">
        <v>48</v>
      </c>
      <c r="G59" s="115">
        <f>'PO Orçamentária'!D84</f>
        <v>66.430000000000007</v>
      </c>
      <c r="H59" s="116">
        <f t="shared" si="9"/>
        <v>6.1024374216000004</v>
      </c>
      <c r="I59" s="116">
        <f t="shared" si="1"/>
        <v>405.38491791688807</v>
      </c>
      <c r="J59" s="117">
        <f t="shared" si="2"/>
        <v>0.2636</v>
      </c>
      <c r="K59" s="107"/>
      <c r="L59" s="153">
        <v>3.66</v>
      </c>
      <c r="M59" s="151">
        <v>0.63</v>
      </c>
      <c r="N59" s="151"/>
      <c r="O59" s="186">
        <f t="shared" si="10"/>
        <v>0.53940599999999994</v>
      </c>
      <c r="Q59" s="186">
        <f t="shared" si="11"/>
        <v>1.1694059999999999</v>
      </c>
      <c r="R59" s="186">
        <f t="shared" si="12"/>
        <v>4.8294060000000005</v>
      </c>
      <c r="T59" s="186">
        <f t="shared" si="13"/>
        <v>1.2730314216</v>
      </c>
    </row>
    <row r="60" spans="2:20">
      <c r="B60" s="206" t="s">
        <v>114</v>
      </c>
      <c r="C60" s="149" t="s">
        <v>46</v>
      </c>
      <c r="D60" s="113" t="s">
        <v>104</v>
      </c>
      <c r="E60" s="114" t="str">
        <f>'PO Orçamentária'!B85</f>
        <v>Fio cabo 750 V - PVC - Terra1,5 mm2</v>
      </c>
      <c r="F60" s="113" t="s">
        <v>48</v>
      </c>
      <c r="G60" s="115">
        <f>'PO Orçamentária'!D85</f>
        <v>310.92</v>
      </c>
      <c r="H60" s="116">
        <f t="shared" si="9"/>
        <v>2.1332499552000002</v>
      </c>
      <c r="I60" s="116">
        <f t="shared" si="1"/>
        <v>663.27007607078406</v>
      </c>
      <c r="J60" s="117">
        <f t="shared" si="2"/>
        <v>0.2636</v>
      </c>
      <c r="K60" s="107"/>
      <c r="L60" s="153">
        <v>1.02</v>
      </c>
      <c r="M60" s="151">
        <v>0.36</v>
      </c>
      <c r="N60" s="151"/>
      <c r="O60" s="186">
        <f t="shared" si="10"/>
        <v>0.30823199999999995</v>
      </c>
      <c r="Q60" s="186">
        <f t="shared" si="11"/>
        <v>0.66823199999999994</v>
      </c>
      <c r="R60" s="186">
        <f t="shared" si="12"/>
        <v>1.688232</v>
      </c>
      <c r="T60" s="186">
        <f t="shared" si="13"/>
        <v>0.44501795519999998</v>
      </c>
    </row>
    <row r="61" spans="2:20" ht="15.75" thickBot="1">
      <c r="B61" s="206" t="s">
        <v>115</v>
      </c>
      <c r="C61" s="217" t="s">
        <v>46</v>
      </c>
      <c r="D61" s="194" t="s">
        <v>102</v>
      </c>
      <c r="E61" s="193" t="str">
        <f>'PO Orçamentária'!B86</f>
        <v>Fio cabo 750 V - PVC - Terra2,5 mm2</v>
      </c>
      <c r="F61" s="194" t="s">
        <v>48</v>
      </c>
      <c r="G61" s="195">
        <f>'PO Orçamentária'!D86</f>
        <v>460.33</v>
      </c>
      <c r="H61" s="196">
        <f t="shared" si="9"/>
        <v>2.8624204439999996</v>
      </c>
      <c r="I61" s="196">
        <f t="shared" si="1"/>
        <v>1317.6580029865197</v>
      </c>
      <c r="J61" s="197">
        <f t="shared" si="2"/>
        <v>0.2636</v>
      </c>
      <c r="K61" s="107"/>
      <c r="L61" s="153">
        <v>1.43</v>
      </c>
      <c r="M61" s="151">
        <v>0.45</v>
      </c>
      <c r="N61" s="151"/>
      <c r="O61" s="186">
        <f t="shared" si="10"/>
        <v>0.38528999999999997</v>
      </c>
      <c r="Q61" s="186">
        <f t="shared" si="11"/>
        <v>0.83528999999999998</v>
      </c>
      <c r="R61" s="186">
        <f t="shared" si="12"/>
        <v>2.2652899999999998</v>
      </c>
      <c r="T61" s="186">
        <f t="shared" si="13"/>
        <v>0.59713044399999993</v>
      </c>
    </row>
    <row r="62" spans="2:20" ht="16.5" thickBot="1">
      <c r="B62" s="110">
        <v>5</v>
      </c>
      <c r="C62" s="350"/>
      <c r="D62" s="351"/>
      <c r="E62" s="352" t="s">
        <v>116</v>
      </c>
      <c r="F62" s="351"/>
      <c r="G62" s="355"/>
      <c r="H62" s="356"/>
      <c r="I62" s="215">
        <f>SUM(I63)</f>
        <v>121.79233871999999</v>
      </c>
      <c r="J62" s="218"/>
      <c r="K62" s="107"/>
      <c r="L62" s="153"/>
      <c r="M62" s="151"/>
      <c r="N62" s="151"/>
      <c r="O62" s="186">
        <f t="shared" si="10"/>
        <v>0</v>
      </c>
      <c r="Q62" s="186">
        <f t="shared" si="11"/>
        <v>0</v>
      </c>
      <c r="R62" s="186">
        <f t="shared" si="12"/>
        <v>0</v>
      </c>
      <c r="T62" s="186">
        <f t="shared" si="13"/>
        <v>0</v>
      </c>
    </row>
    <row r="63" spans="2:20" s="121" customFormat="1" ht="16.5" thickBot="1">
      <c r="B63" s="206" t="s">
        <v>117</v>
      </c>
      <c r="C63" s="207" t="s">
        <v>46</v>
      </c>
      <c r="D63" s="199">
        <v>9537</v>
      </c>
      <c r="E63" s="200" t="s">
        <v>118</v>
      </c>
      <c r="F63" s="199" t="s">
        <v>119</v>
      </c>
      <c r="G63" s="201">
        <v>100</v>
      </c>
      <c r="H63" s="202">
        <f t="shared" si="9"/>
        <v>1.2179233871999999</v>
      </c>
      <c r="I63" s="202">
        <f t="shared" si="1"/>
        <v>121.79233871999999</v>
      </c>
      <c r="J63" s="203">
        <f t="shared" si="2"/>
        <v>0.2636</v>
      </c>
      <c r="K63" s="120"/>
      <c r="L63" s="153">
        <v>0.11</v>
      </c>
      <c r="M63" s="151">
        <v>0.46</v>
      </c>
      <c r="N63" s="151"/>
      <c r="O63" s="186">
        <f t="shared" si="10"/>
        <v>0.39385199999999998</v>
      </c>
      <c r="Q63" s="186">
        <f t="shared" si="11"/>
        <v>0.85385200000000006</v>
      </c>
      <c r="R63" s="186">
        <f t="shared" si="12"/>
        <v>0.96385200000000004</v>
      </c>
      <c r="T63" s="186">
        <f t="shared" si="13"/>
        <v>0.2540713872</v>
      </c>
    </row>
    <row r="64" spans="2:20" ht="16.5" thickBot="1">
      <c r="B64" s="357"/>
      <c r="C64" s="358"/>
      <c r="D64" s="358"/>
      <c r="E64" s="359"/>
      <c r="F64" s="360" t="s">
        <v>120</v>
      </c>
      <c r="G64" s="360"/>
      <c r="H64" s="360"/>
      <c r="I64" s="361">
        <f>SUM(I62,I20,I18,I13,I10)</f>
        <v>34113.248153042754</v>
      </c>
      <c r="J64" s="362"/>
      <c r="K64" s="120"/>
      <c r="L64" s="154"/>
      <c r="M64" s="151"/>
      <c r="N64" s="151"/>
      <c r="O64" s="186">
        <f t="shared" si="10"/>
        <v>0</v>
      </c>
      <c r="Q64" s="186">
        <f t="shared" si="11"/>
        <v>0</v>
      </c>
      <c r="R64" s="186">
        <f t="shared" si="12"/>
        <v>0</v>
      </c>
      <c r="T64" s="186">
        <f t="shared" si="13"/>
        <v>0</v>
      </c>
    </row>
    <row r="65" spans="7:14">
      <c r="L65" s="91"/>
      <c r="M65" s="151"/>
      <c r="N65" s="151"/>
    </row>
    <row r="66" spans="7:14">
      <c r="L66" s="91"/>
      <c r="M66" s="151"/>
      <c r="N66" s="151"/>
    </row>
    <row r="68" spans="7:14">
      <c r="G68" s="122"/>
    </row>
  </sheetData>
  <sheetProtection selectLockedCells="1" selectUnlockedCells="1"/>
  <mergeCells count="15">
    <mergeCell ref="J8:J9"/>
    <mergeCell ref="F64:H64"/>
    <mergeCell ref="C8:C9"/>
    <mergeCell ref="B8:B9"/>
    <mergeCell ref="D8:D9"/>
    <mergeCell ref="E8:E9"/>
    <mergeCell ref="F8:F9"/>
    <mergeCell ref="G8:G9"/>
    <mergeCell ref="H8:I8"/>
    <mergeCell ref="D7:J7"/>
    <mergeCell ref="E2:F5"/>
    <mergeCell ref="G3:H3"/>
    <mergeCell ref="G5:H5"/>
    <mergeCell ref="I5:J5"/>
    <mergeCell ref="D6:J6"/>
  </mergeCells>
  <printOptions horizontalCentered="1"/>
  <pageMargins left="0.25" right="0.25" top="0.75" bottom="0.75" header="0.3" footer="0.3"/>
  <pageSetup paperSize="9" scale="46" firstPageNumber="0" orientation="portrait" horizontalDpi="300" verticalDpi="300" r:id="rId1"/>
  <headerFooter alignWithMargins="0">
    <oddHeader>&amp;R&amp;9&amp;P/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V104"/>
  <sheetViews>
    <sheetView showRuler="0" topLeftCell="A2" zoomScale="90" zoomScaleNormal="90" workbookViewId="0">
      <pane xSplit="4" ySplit="7" topLeftCell="E9" activePane="bottomRight" state="frozen"/>
      <selection activeCell="A2" sqref="A2"/>
      <selection pane="bottomLeft" activeCell="A9" sqref="A9"/>
      <selection pane="topRight" activeCell="G2" sqref="G2"/>
      <selection pane="bottomRight" activeCell="A2" sqref="A1:C1048576"/>
    </sheetView>
  </sheetViews>
  <sheetFormatPr defaultColWidth="9.140625" defaultRowHeight="12.75" outlineLevelRow="1"/>
  <cols>
    <col min="1" max="1" width="12.28515625" style="3" customWidth="1"/>
    <col min="2" max="2" width="70.42578125" style="4" customWidth="1"/>
    <col min="3" max="3" width="4.5703125" style="3" customWidth="1"/>
    <col min="4" max="4" width="8.140625" style="15" customWidth="1"/>
    <col min="5" max="5" width="10.85546875" style="5" bestFit="1" customWidth="1"/>
    <col min="6" max="6" width="9.7109375" style="5" bestFit="1" customWidth="1"/>
    <col min="7" max="7" width="13" style="5" bestFit="1" customWidth="1"/>
    <col min="8" max="9" width="11.140625" style="4" bestFit="1" customWidth="1"/>
    <col min="10" max="10" width="10.85546875" style="4" bestFit="1" customWidth="1"/>
    <col min="11" max="11" width="10.7109375" style="4" bestFit="1" customWidth="1"/>
    <col min="12" max="12" width="4.85546875" style="4" customWidth="1"/>
    <col min="13" max="13" width="11.28515625" style="5" bestFit="1" customWidth="1"/>
    <col min="14" max="14" width="9.85546875" style="5" bestFit="1" customWidth="1"/>
    <col min="15" max="15" width="10.85546875" style="4" bestFit="1" customWidth="1"/>
    <col min="16" max="16" width="9.85546875" style="4" bestFit="1" customWidth="1"/>
    <col min="17" max="17" width="5.85546875" style="7" bestFit="1" customWidth="1"/>
    <col min="18" max="18" width="6" style="7" bestFit="1" customWidth="1"/>
    <col min="19" max="19" width="3.85546875" style="7" bestFit="1" customWidth="1"/>
    <col min="20" max="20" width="8.85546875" style="7" bestFit="1" customWidth="1"/>
    <col min="21" max="16384" width="9.140625" style="4"/>
  </cols>
  <sheetData>
    <row r="1" spans="1:20" ht="64.5" customHeight="1">
      <c r="A1" s="363"/>
      <c r="B1" s="364"/>
      <c r="C1" s="363"/>
      <c r="E1" s="365"/>
      <c r="F1" s="365"/>
      <c r="G1" s="365"/>
      <c r="H1" s="364"/>
      <c r="I1" s="364"/>
      <c r="J1" s="364"/>
      <c r="K1" s="6"/>
      <c r="L1" s="364"/>
      <c r="M1" s="366"/>
      <c r="N1" s="365"/>
      <c r="O1" s="364"/>
      <c r="P1" s="364"/>
    </row>
    <row r="2" spans="1:20" ht="24.75">
      <c r="A2" s="2" t="s">
        <v>121</v>
      </c>
      <c r="B2" s="364"/>
      <c r="C2" s="363"/>
      <c r="E2" s="365"/>
      <c r="F2" s="8"/>
      <c r="G2" s="8"/>
      <c r="H2" s="8"/>
      <c r="I2" s="9"/>
      <c r="J2" s="9"/>
      <c r="K2" s="9"/>
      <c r="L2" s="364"/>
      <c r="M2" s="367" t="s">
        <v>122</v>
      </c>
      <c r="N2" s="62">
        <v>0.24</v>
      </c>
      <c r="O2" s="49" t="s">
        <v>123</v>
      </c>
      <c r="P2" s="7"/>
    </row>
    <row r="3" spans="1:20">
      <c r="A3" s="363"/>
      <c r="B3" s="10"/>
      <c r="C3" s="11"/>
      <c r="E3" s="365"/>
      <c r="F3" s="365"/>
      <c r="G3" s="365"/>
      <c r="H3" s="364"/>
      <c r="I3" s="364"/>
      <c r="J3" s="364"/>
      <c r="K3" s="364"/>
      <c r="L3" s="364"/>
      <c r="M3" s="367" t="s">
        <v>124</v>
      </c>
      <c r="N3" s="62">
        <v>0.17</v>
      </c>
      <c r="O3" s="49">
        <v>0.1</v>
      </c>
      <c r="P3" s="7"/>
    </row>
    <row r="4" spans="1:20" ht="20.25">
      <c r="A4" s="38" t="s">
        <v>125</v>
      </c>
      <c r="B4" s="51" t="s">
        <v>126</v>
      </c>
      <c r="C4" s="11"/>
      <c r="E4" s="10"/>
      <c r="F4" s="10"/>
      <c r="G4" s="10"/>
      <c r="H4" s="10"/>
      <c r="I4" s="10"/>
      <c r="J4" s="10"/>
      <c r="K4" s="10"/>
      <c r="L4" s="364"/>
      <c r="M4" s="368" t="s">
        <v>127</v>
      </c>
      <c r="N4" s="63">
        <v>0.15</v>
      </c>
      <c r="O4" s="369"/>
      <c r="P4" s="364"/>
    </row>
    <row r="5" spans="1:20" ht="15.75">
      <c r="A5" s="37" t="s">
        <v>128</v>
      </c>
      <c r="B5" s="51" t="s">
        <v>129</v>
      </c>
      <c r="C5" s="12"/>
      <c r="E5" s="13"/>
      <c r="F5" s="13"/>
      <c r="G5" s="13"/>
      <c r="H5" s="13"/>
      <c r="I5" s="13"/>
      <c r="J5" s="13"/>
      <c r="K5" s="13"/>
      <c r="L5" s="364"/>
      <c r="M5" s="368" t="s">
        <v>130</v>
      </c>
      <c r="N5" s="63">
        <v>0.2</v>
      </c>
      <c r="O5" s="369"/>
      <c r="P5" s="364"/>
    </row>
    <row r="6" spans="1:20" ht="15">
      <c r="A6" s="1"/>
      <c r="B6" s="364"/>
      <c r="C6" s="14"/>
      <c r="E6" s="365"/>
      <c r="F6" s="365"/>
      <c r="G6" s="365"/>
      <c r="H6" s="364"/>
      <c r="I6" s="364"/>
      <c r="J6" s="364"/>
      <c r="K6" s="364"/>
      <c r="L6" s="364"/>
      <c r="M6" s="365"/>
      <c r="N6" s="365"/>
      <c r="O6" s="364"/>
      <c r="P6" s="364"/>
    </row>
    <row r="7" spans="1:20">
      <c r="A7" s="32" t="s">
        <v>131</v>
      </c>
      <c r="B7" s="53" t="s">
        <v>132</v>
      </c>
      <c r="C7" s="32" t="s">
        <v>133</v>
      </c>
      <c r="D7" s="35" t="s">
        <v>134</v>
      </c>
      <c r="E7" s="33"/>
      <c r="F7" s="33" t="s">
        <v>135</v>
      </c>
      <c r="G7" s="33"/>
      <c r="H7" s="370"/>
      <c r="I7" s="33" t="s">
        <v>136</v>
      </c>
      <c r="J7" s="371"/>
      <c r="K7" s="57" t="s">
        <v>137</v>
      </c>
      <c r="L7" s="364"/>
      <c r="M7" s="82" t="s">
        <v>138</v>
      </c>
      <c r="N7" s="21" t="s">
        <v>139</v>
      </c>
      <c r="O7" s="24" t="s">
        <v>21</v>
      </c>
      <c r="P7" s="24" t="s">
        <v>21</v>
      </c>
      <c r="Q7" s="19" t="s">
        <v>140</v>
      </c>
      <c r="R7" s="19" t="s">
        <v>141</v>
      </c>
      <c r="S7" s="19" t="s">
        <v>141</v>
      </c>
      <c r="T7" s="19" t="s">
        <v>141</v>
      </c>
    </row>
    <row r="8" spans="1:20">
      <c r="A8" s="32"/>
      <c r="B8" s="53"/>
      <c r="C8" s="32"/>
      <c r="D8" s="39"/>
      <c r="E8" s="33" t="s">
        <v>142</v>
      </c>
      <c r="F8" s="33" t="s">
        <v>143</v>
      </c>
      <c r="G8" s="33" t="s">
        <v>144</v>
      </c>
      <c r="H8" s="33" t="s">
        <v>142</v>
      </c>
      <c r="I8" s="33" t="s">
        <v>143</v>
      </c>
      <c r="J8" s="33" t="s">
        <v>144</v>
      </c>
      <c r="K8" s="371"/>
      <c r="L8" s="364"/>
      <c r="M8" s="83"/>
      <c r="N8" s="22"/>
      <c r="O8" s="24" t="s">
        <v>142</v>
      </c>
      <c r="P8" s="24" t="s">
        <v>143</v>
      </c>
      <c r="Q8" s="25" t="s">
        <v>145</v>
      </c>
      <c r="R8" s="25" t="s">
        <v>146</v>
      </c>
      <c r="S8" s="25" t="s">
        <v>147</v>
      </c>
      <c r="T8" s="25" t="s">
        <v>148</v>
      </c>
    </row>
    <row r="9" spans="1:20">
      <c r="A9" s="64" t="s">
        <v>149</v>
      </c>
      <c r="B9" s="65" t="s">
        <v>150</v>
      </c>
      <c r="C9" s="66"/>
      <c r="D9" s="67"/>
      <c r="E9" s="68"/>
      <c r="F9" s="68"/>
      <c r="G9" s="68"/>
      <c r="H9" s="69"/>
      <c r="I9" s="69"/>
      <c r="J9" s="69"/>
      <c r="K9" s="70">
        <f>SUM(J10:J15)</f>
        <v>278.75</v>
      </c>
      <c r="L9" s="364"/>
      <c r="M9" s="84"/>
      <c r="N9" s="372"/>
      <c r="O9" s="16">
        <f t="shared" ref="O9:O51" si="0">ROUND((M9/(1-(Q9+R9+S9+T9))),2)</f>
        <v>0</v>
      </c>
      <c r="P9" s="16">
        <f>ROUND((N9/(1-(Q9+R9+S9+T9))),2)</f>
        <v>0</v>
      </c>
      <c r="Q9" s="19"/>
      <c r="R9" s="19"/>
      <c r="S9" s="19"/>
      <c r="T9" s="19"/>
    </row>
    <row r="10" spans="1:20" outlineLevel="1">
      <c r="A10" s="39" t="s">
        <v>151</v>
      </c>
      <c r="B10" s="40" t="s">
        <v>152</v>
      </c>
      <c r="C10" s="39" t="s">
        <v>153</v>
      </c>
      <c r="D10" s="39"/>
      <c r="E10" s="34">
        <f t="shared" ref="E10:E15" si="1">ROUND(O10/(1-($N$4+$N$2)),2)</f>
        <v>0</v>
      </c>
      <c r="F10" s="34">
        <f t="shared" ref="F10:F15" si="2">ROUND(P10/(1-($N$5+$N$3)),2)</f>
        <v>105.83</v>
      </c>
      <c r="G10" s="34">
        <f t="shared" ref="G10:G15" si="3">E10+F10</f>
        <v>105.83</v>
      </c>
      <c r="H10" s="16">
        <f t="shared" ref="H10:H15" si="4">ROUND(D10*E10,2)</f>
        <v>0</v>
      </c>
      <c r="I10" s="16">
        <f t="shared" ref="I10:I15" si="5">ROUND(D10*F10,2)</f>
        <v>0</v>
      </c>
      <c r="J10" s="16">
        <f t="shared" ref="J10:J15" si="6">H10+I10</f>
        <v>0</v>
      </c>
      <c r="K10" s="58"/>
      <c r="L10" s="364"/>
      <c r="M10" s="85"/>
      <c r="N10" s="29">
        <v>60</v>
      </c>
      <c r="O10" s="16">
        <f>ROUND((M10/(1-(Q10+R10+S10+T10))),2)</f>
        <v>0</v>
      </c>
      <c r="P10" s="16">
        <f>ROUND((N10/(1-(T10))),2)</f>
        <v>66.67</v>
      </c>
      <c r="Q10" s="19"/>
      <c r="R10" s="19"/>
      <c r="S10" s="19"/>
      <c r="T10" s="19">
        <f t="shared" ref="T10:T51" si="7">$O$3</f>
        <v>0.1</v>
      </c>
    </row>
    <row r="11" spans="1:20" outlineLevel="1">
      <c r="A11" s="39" t="s">
        <v>154</v>
      </c>
      <c r="B11" s="40" t="s">
        <v>155</v>
      </c>
      <c r="C11" s="39" t="s">
        <v>153</v>
      </c>
      <c r="D11" s="39"/>
      <c r="E11" s="34">
        <f t="shared" si="1"/>
        <v>0</v>
      </c>
      <c r="F11" s="34">
        <f t="shared" si="2"/>
        <v>185.19</v>
      </c>
      <c r="G11" s="34">
        <f t="shared" si="3"/>
        <v>185.19</v>
      </c>
      <c r="H11" s="16">
        <f t="shared" si="4"/>
        <v>0</v>
      </c>
      <c r="I11" s="16">
        <f t="shared" si="5"/>
        <v>0</v>
      </c>
      <c r="J11" s="16">
        <f t="shared" si="6"/>
        <v>0</v>
      </c>
      <c r="K11" s="58"/>
      <c r="L11" s="364"/>
      <c r="M11" s="85"/>
      <c r="N11" s="29">
        <v>105</v>
      </c>
      <c r="O11" s="16">
        <f t="shared" si="0"/>
        <v>0</v>
      </c>
      <c r="P11" s="16">
        <f t="shared" ref="P11:P25" si="8">ROUND((N11/(1-(T11))),2)</f>
        <v>116.67</v>
      </c>
      <c r="Q11" s="19"/>
      <c r="R11" s="19"/>
      <c r="S11" s="19"/>
      <c r="T11" s="19">
        <f t="shared" si="7"/>
        <v>0.1</v>
      </c>
    </row>
    <row r="12" spans="1:20" outlineLevel="1">
      <c r="A12" s="39" t="s">
        <v>156</v>
      </c>
      <c r="B12" s="40" t="s">
        <v>157</v>
      </c>
      <c r="C12" s="39" t="s">
        <v>153</v>
      </c>
      <c r="D12" s="39">
        <v>1</v>
      </c>
      <c r="E12" s="34">
        <f t="shared" si="1"/>
        <v>0</v>
      </c>
      <c r="F12" s="34">
        <f t="shared" si="2"/>
        <v>278.75</v>
      </c>
      <c r="G12" s="34">
        <f t="shared" si="3"/>
        <v>278.75</v>
      </c>
      <c r="H12" s="16">
        <f t="shared" si="4"/>
        <v>0</v>
      </c>
      <c r="I12" s="16">
        <f t="shared" si="5"/>
        <v>278.75</v>
      </c>
      <c r="J12" s="16">
        <f t="shared" si="6"/>
        <v>278.75</v>
      </c>
      <c r="K12" s="58"/>
      <c r="L12" s="364"/>
      <c r="M12" s="85"/>
      <c r="N12" s="29">
        <v>158.05000000000001</v>
      </c>
      <c r="O12" s="16">
        <f>ROUND((M12/(1-(Q12+R12+S12+T12))),2)</f>
        <v>0</v>
      </c>
      <c r="P12" s="16">
        <f t="shared" si="8"/>
        <v>175.61</v>
      </c>
      <c r="Q12" s="19"/>
      <c r="R12" s="19"/>
      <c r="S12" s="19"/>
      <c r="T12" s="19">
        <f t="shared" si="7"/>
        <v>0.1</v>
      </c>
    </row>
    <row r="13" spans="1:20" outlineLevel="1">
      <c r="A13" s="39" t="s">
        <v>158</v>
      </c>
      <c r="B13" s="40" t="s">
        <v>159</v>
      </c>
      <c r="C13" s="39" t="s">
        <v>160</v>
      </c>
      <c r="D13" s="39"/>
      <c r="E13" s="34">
        <f t="shared" si="1"/>
        <v>0</v>
      </c>
      <c r="F13" s="34">
        <f t="shared" si="2"/>
        <v>1763.67</v>
      </c>
      <c r="G13" s="34">
        <f t="shared" si="3"/>
        <v>1763.67</v>
      </c>
      <c r="H13" s="16">
        <f t="shared" si="4"/>
        <v>0</v>
      </c>
      <c r="I13" s="16">
        <f t="shared" si="5"/>
        <v>0</v>
      </c>
      <c r="J13" s="16">
        <f t="shared" si="6"/>
        <v>0</v>
      </c>
      <c r="K13" s="58"/>
      <c r="L13" s="364"/>
      <c r="M13" s="85"/>
      <c r="N13" s="29">
        <v>1000</v>
      </c>
      <c r="O13" s="16">
        <f>ROUND((M13/(1-(Q13+R13+S13+T13))),2)</f>
        <v>0</v>
      </c>
      <c r="P13" s="16">
        <f>ROUND((N13/(1-(T13))),2)</f>
        <v>1111.1099999999999</v>
      </c>
      <c r="Q13" s="19"/>
      <c r="R13" s="19"/>
      <c r="S13" s="19"/>
      <c r="T13" s="19">
        <f t="shared" si="7"/>
        <v>0.1</v>
      </c>
    </row>
    <row r="14" spans="1:20" outlineLevel="1">
      <c r="A14" s="39" t="s">
        <v>161</v>
      </c>
      <c r="B14" s="40" t="s">
        <v>162</v>
      </c>
      <c r="C14" s="39" t="s">
        <v>160</v>
      </c>
      <c r="D14" s="39"/>
      <c r="E14" s="34">
        <f t="shared" si="1"/>
        <v>0</v>
      </c>
      <c r="F14" s="34">
        <f t="shared" si="2"/>
        <v>1763.67</v>
      </c>
      <c r="G14" s="34">
        <f t="shared" si="3"/>
        <v>1763.67</v>
      </c>
      <c r="H14" s="16">
        <f t="shared" si="4"/>
        <v>0</v>
      </c>
      <c r="I14" s="16">
        <f t="shared" si="5"/>
        <v>0</v>
      </c>
      <c r="J14" s="16">
        <f t="shared" si="6"/>
        <v>0</v>
      </c>
      <c r="K14" s="58"/>
      <c r="L14" s="364"/>
      <c r="M14" s="85"/>
      <c r="N14" s="29">
        <v>1000</v>
      </c>
      <c r="O14" s="16">
        <f t="shared" ref="O14" si="9">ROUND((M14/(1-(Q14+R14+S14+T14))),2)</f>
        <v>0</v>
      </c>
      <c r="P14" s="16">
        <f t="shared" ref="P14:P15" si="10">ROUND((N14/(1-(T14))),2)</f>
        <v>1111.1099999999999</v>
      </c>
      <c r="Q14" s="19"/>
      <c r="R14" s="19"/>
      <c r="S14" s="19"/>
      <c r="T14" s="19">
        <f t="shared" si="7"/>
        <v>0.1</v>
      </c>
    </row>
    <row r="15" spans="1:20" outlineLevel="1">
      <c r="A15" s="39" t="s">
        <v>163</v>
      </c>
      <c r="B15" s="40" t="s">
        <v>164</v>
      </c>
      <c r="C15" s="39" t="s">
        <v>133</v>
      </c>
      <c r="D15" s="39"/>
      <c r="E15" s="34">
        <f t="shared" si="1"/>
        <v>0</v>
      </c>
      <c r="F15" s="34">
        <f t="shared" si="2"/>
        <v>176.37</v>
      </c>
      <c r="G15" s="34">
        <f t="shared" si="3"/>
        <v>176.37</v>
      </c>
      <c r="H15" s="16">
        <f t="shared" si="4"/>
        <v>0</v>
      </c>
      <c r="I15" s="16">
        <f t="shared" si="5"/>
        <v>0</v>
      </c>
      <c r="J15" s="16">
        <f t="shared" si="6"/>
        <v>0</v>
      </c>
      <c r="K15" s="58"/>
      <c r="L15" s="364"/>
      <c r="M15" s="85"/>
      <c r="N15" s="29">
        <v>100</v>
      </c>
      <c r="O15" s="16">
        <f>ROUND((M15/(1-(Q15+R15+S15+T15))),2)</f>
        <v>0</v>
      </c>
      <c r="P15" s="16">
        <f t="shared" si="10"/>
        <v>111.11</v>
      </c>
      <c r="Q15" s="19"/>
      <c r="R15" s="19"/>
      <c r="S15" s="19"/>
      <c r="T15" s="19">
        <f t="shared" si="7"/>
        <v>0.1</v>
      </c>
    </row>
    <row r="16" spans="1:20">
      <c r="A16" s="41"/>
      <c r="B16" s="42"/>
      <c r="C16" s="35"/>
      <c r="D16" s="39"/>
      <c r="E16" s="33"/>
      <c r="F16" s="33"/>
      <c r="G16" s="33"/>
      <c r="H16" s="36"/>
      <c r="I16" s="36"/>
      <c r="J16" s="36"/>
      <c r="K16" s="59"/>
      <c r="L16" s="364"/>
      <c r="M16" s="85"/>
      <c r="N16" s="372"/>
      <c r="O16" s="16">
        <f t="shared" si="0"/>
        <v>0</v>
      </c>
      <c r="P16" s="16">
        <f t="shared" si="8"/>
        <v>0</v>
      </c>
      <c r="Q16" s="19"/>
      <c r="R16" s="19"/>
      <c r="S16" s="19"/>
      <c r="T16" s="19">
        <f t="shared" si="7"/>
        <v>0.1</v>
      </c>
    </row>
    <row r="17" spans="1:20">
      <c r="A17" s="64" t="s">
        <v>165</v>
      </c>
      <c r="B17" s="65" t="s">
        <v>166</v>
      </c>
      <c r="C17" s="66"/>
      <c r="D17" s="67"/>
      <c r="E17" s="68"/>
      <c r="F17" s="68"/>
      <c r="G17" s="68"/>
      <c r="H17" s="69"/>
      <c r="I17" s="69"/>
      <c r="J17" s="69"/>
      <c r="K17" s="70">
        <f>SUM(J18:J23)</f>
        <v>881.84</v>
      </c>
      <c r="L17" s="364"/>
      <c r="M17" s="85"/>
      <c r="N17" s="372"/>
      <c r="O17" s="16">
        <f t="shared" si="0"/>
        <v>0</v>
      </c>
      <c r="P17" s="16">
        <f t="shared" si="8"/>
        <v>0</v>
      </c>
      <c r="Q17" s="19"/>
      <c r="R17" s="19"/>
      <c r="S17" s="19"/>
      <c r="T17" s="19">
        <f t="shared" si="7"/>
        <v>0.1</v>
      </c>
    </row>
    <row r="18" spans="1:20" outlineLevel="1">
      <c r="A18" s="39" t="s">
        <v>167</v>
      </c>
      <c r="B18" s="40" t="s">
        <v>168</v>
      </c>
      <c r="C18" s="39" t="s">
        <v>169</v>
      </c>
      <c r="D18" s="39">
        <v>1</v>
      </c>
      <c r="E18" s="34">
        <f t="shared" ref="E18:E25" si="11">ROUND(O18/(1-($N$4+$N$2)),2)</f>
        <v>0</v>
      </c>
      <c r="F18" s="34">
        <f t="shared" ref="F18:F25" si="12">ROUND(P18/(1-($N$5+$N$3)),2)</f>
        <v>881.84</v>
      </c>
      <c r="G18" s="34">
        <f t="shared" ref="G18:G25" si="13">E18+F18</f>
        <v>881.84</v>
      </c>
      <c r="H18" s="16">
        <f t="shared" ref="H18:H25" si="14">ROUND(D18*E18,2)</f>
        <v>0</v>
      </c>
      <c r="I18" s="16">
        <f t="shared" ref="I18:I25" si="15">ROUND(D18*F18,2)</f>
        <v>881.84</v>
      </c>
      <c r="J18" s="16">
        <f t="shared" ref="J18:J25" si="16">H18+I18</f>
        <v>881.84</v>
      </c>
      <c r="K18" s="60"/>
      <c r="L18" s="364"/>
      <c r="M18" s="85"/>
      <c r="N18" s="30">
        <v>500</v>
      </c>
      <c r="O18" s="16">
        <f t="shared" si="0"/>
        <v>0</v>
      </c>
      <c r="P18" s="16">
        <f t="shared" si="8"/>
        <v>555.55999999999995</v>
      </c>
      <c r="Q18" s="19"/>
      <c r="R18" s="19"/>
      <c r="S18" s="19"/>
      <c r="T18" s="19">
        <f t="shared" si="7"/>
        <v>0.1</v>
      </c>
    </row>
    <row r="19" spans="1:20" outlineLevel="1">
      <c r="A19" s="39" t="s">
        <v>170</v>
      </c>
      <c r="B19" s="40" t="s">
        <v>171</v>
      </c>
      <c r="C19" s="39" t="s">
        <v>172</v>
      </c>
      <c r="D19" s="39"/>
      <c r="E19" s="34">
        <f t="shared" si="11"/>
        <v>0</v>
      </c>
      <c r="F19" s="34">
        <f t="shared" si="12"/>
        <v>1.49</v>
      </c>
      <c r="G19" s="34">
        <f t="shared" si="13"/>
        <v>1.49</v>
      </c>
      <c r="H19" s="16">
        <f t="shared" si="14"/>
        <v>0</v>
      </c>
      <c r="I19" s="16">
        <f t="shared" si="15"/>
        <v>0</v>
      </c>
      <c r="J19" s="16">
        <f t="shared" si="16"/>
        <v>0</v>
      </c>
      <c r="K19" s="60"/>
      <c r="L19" s="364"/>
      <c r="M19" s="85"/>
      <c r="N19" s="30">
        <v>0.85</v>
      </c>
      <c r="O19" s="16">
        <f>ROUND((M19/(1-(Q19+R19+S19+T19))),2)</f>
        <v>0</v>
      </c>
      <c r="P19" s="16">
        <f t="shared" si="8"/>
        <v>0.94</v>
      </c>
      <c r="Q19" s="19"/>
      <c r="R19" s="19"/>
      <c r="S19" s="19"/>
      <c r="T19" s="19">
        <f t="shared" si="7"/>
        <v>0.1</v>
      </c>
    </row>
    <row r="20" spans="1:20" outlineLevel="1">
      <c r="A20" s="39" t="s">
        <v>173</v>
      </c>
      <c r="B20" s="40" t="s">
        <v>174</v>
      </c>
      <c r="C20" s="39" t="s">
        <v>133</v>
      </c>
      <c r="D20" s="39"/>
      <c r="E20" s="34">
        <f t="shared" si="11"/>
        <v>0</v>
      </c>
      <c r="F20" s="34">
        <f t="shared" si="12"/>
        <v>21.16</v>
      </c>
      <c r="G20" s="34">
        <f t="shared" si="13"/>
        <v>21.16</v>
      </c>
      <c r="H20" s="16">
        <f t="shared" si="14"/>
        <v>0</v>
      </c>
      <c r="I20" s="16">
        <f t="shared" si="15"/>
        <v>0</v>
      </c>
      <c r="J20" s="16">
        <f t="shared" si="16"/>
        <v>0</v>
      </c>
      <c r="K20" s="60"/>
      <c r="L20" s="364"/>
      <c r="M20" s="85"/>
      <c r="N20" s="30">
        <v>12</v>
      </c>
      <c r="O20" s="16">
        <f>ROUND((M20/(1-(Q20+R20+S20+T20))),2)</f>
        <v>0</v>
      </c>
      <c r="P20" s="16">
        <f t="shared" si="8"/>
        <v>13.33</v>
      </c>
      <c r="Q20" s="19"/>
      <c r="R20" s="19"/>
      <c r="S20" s="19"/>
      <c r="T20" s="19">
        <f t="shared" si="7"/>
        <v>0.1</v>
      </c>
    </row>
    <row r="21" spans="1:20" outlineLevel="1">
      <c r="A21" s="39" t="s">
        <v>175</v>
      </c>
      <c r="B21" s="40" t="s">
        <v>176</v>
      </c>
      <c r="C21" s="39" t="s">
        <v>133</v>
      </c>
      <c r="D21" s="39"/>
      <c r="E21" s="34">
        <f t="shared" ref="E21" si="17">ROUND(O21/(1-($N$4+$N$2)),2)</f>
        <v>0</v>
      </c>
      <c r="F21" s="34">
        <f t="shared" ref="F21" si="18">ROUND(P21/(1-($N$5+$N$3)),2)</f>
        <v>264.56</v>
      </c>
      <c r="G21" s="34">
        <f t="shared" ref="G21" si="19">E21+F21</f>
        <v>264.56</v>
      </c>
      <c r="H21" s="16">
        <f t="shared" ref="H21" si="20">ROUND(D21*E21,2)</f>
        <v>0</v>
      </c>
      <c r="I21" s="16">
        <f t="shared" ref="I21" si="21">ROUND(D21*F21,2)</f>
        <v>0</v>
      </c>
      <c r="J21" s="16">
        <f t="shared" ref="J21" si="22">H21+I21</f>
        <v>0</v>
      </c>
      <c r="K21" s="60"/>
      <c r="L21" s="364"/>
      <c r="M21" s="85"/>
      <c r="N21" s="30">
        <v>150</v>
      </c>
      <c r="O21" s="16">
        <f t="shared" ref="O21" si="23">ROUND((M21/(1-(Q21+R21+S21+T21))),2)</f>
        <v>0</v>
      </c>
      <c r="P21" s="16">
        <f t="shared" ref="P21" si="24">ROUND((N21/(1-(T21))),2)</f>
        <v>166.67</v>
      </c>
      <c r="Q21" s="19"/>
      <c r="R21" s="19"/>
      <c r="S21" s="19"/>
      <c r="T21" s="19">
        <f t="shared" si="7"/>
        <v>0.1</v>
      </c>
    </row>
    <row r="22" spans="1:20" outlineLevel="1">
      <c r="A22" s="39" t="s">
        <v>177</v>
      </c>
      <c r="B22" s="40" t="s">
        <v>178</v>
      </c>
      <c r="C22" s="39" t="s">
        <v>133</v>
      </c>
      <c r="D22" s="39"/>
      <c r="E22" s="34">
        <f t="shared" ref="E22" si="25">ROUND(O22/(1-($N$4+$N$2)),2)</f>
        <v>0</v>
      </c>
      <c r="F22" s="34">
        <f t="shared" ref="F22" si="26">ROUND(P22/(1-($N$5+$N$3)),2)</f>
        <v>88.19</v>
      </c>
      <c r="G22" s="34">
        <f t="shared" ref="G22" si="27">E22+F22</f>
        <v>88.19</v>
      </c>
      <c r="H22" s="16">
        <f t="shared" ref="H22" si="28">ROUND(D22*E22,2)</f>
        <v>0</v>
      </c>
      <c r="I22" s="16">
        <f t="shared" ref="I22" si="29">ROUND(D22*F22,2)</f>
        <v>0</v>
      </c>
      <c r="J22" s="16">
        <f t="shared" ref="J22" si="30">H22+I22</f>
        <v>0</v>
      </c>
      <c r="K22" s="60"/>
      <c r="L22" s="364"/>
      <c r="M22" s="85"/>
      <c r="N22" s="30">
        <v>50</v>
      </c>
      <c r="O22" s="16">
        <f t="shared" ref="O22" si="31">ROUND((M22/(1-(Q22+R22+S22+T22))),2)</f>
        <v>0</v>
      </c>
      <c r="P22" s="16">
        <f t="shared" ref="P22" si="32">ROUND((N22/(1-(T22))),2)</f>
        <v>55.56</v>
      </c>
      <c r="Q22" s="19"/>
      <c r="R22" s="19"/>
      <c r="S22" s="19"/>
      <c r="T22" s="19">
        <f t="shared" si="7"/>
        <v>0.1</v>
      </c>
    </row>
    <row r="23" spans="1:20" outlineLevel="1">
      <c r="A23" s="39" t="s">
        <v>179</v>
      </c>
      <c r="B23" s="40" t="s">
        <v>180</v>
      </c>
      <c r="C23" s="39" t="s">
        <v>133</v>
      </c>
      <c r="D23" s="39"/>
      <c r="E23" s="34">
        <f t="shared" si="11"/>
        <v>0</v>
      </c>
      <c r="F23" s="34">
        <f t="shared" si="12"/>
        <v>79.37</v>
      </c>
      <c r="G23" s="34">
        <f t="shared" si="13"/>
        <v>79.37</v>
      </c>
      <c r="H23" s="16">
        <f t="shared" si="14"/>
        <v>0</v>
      </c>
      <c r="I23" s="16">
        <f t="shared" si="15"/>
        <v>0</v>
      </c>
      <c r="J23" s="16">
        <f t="shared" si="16"/>
        <v>0</v>
      </c>
      <c r="K23" s="60"/>
      <c r="L23" s="364"/>
      <c r="M23" s="85"/>
      <c r="N23" s="30">
        <v>45</v>
      </c>
      <c r="O23" s="16">
        <f t="shared" si="0"/>
        <v>0</v>
      </c>
      <c r="P23" s="16">
        <f t="shared" si="8"/>
        <v>50</v>
      </c>
      <c r="Q23" s="19"/>
      <c r="R23" s="19"/>
      <c r="S23" s="19"/>
      <c r="T23" s="19">
        <f t="shared" si="7"/>
        <v>0.1</v>
      </c>
    </row>
    <row r="24" spans="1:20" outlineLevel="1">
      <c r="A24" s="39" t="s">
        <v>181</v>
      </c>
      <c r="B24" s="40" t="s">
        <v>182</v>
      </c>
      <c r="C24" s="39" t="s">
        <v>160</v>
      </c>
      <c r="D24" s="39"/>
      <c r="E24" s="34">
        <f>ROUND(O24/(1-($N$4+$N$2)),2)</f>
        <v>0</v>
      </c>
      <c r="F24" s="34">
        <f>ROUND(P24/(1-($N$5+$N$3)),2)</f>
        <v>149.9</v>
      </c>
      <c r="G24" s="34">
        <f>E24+F24</f>
        <v>149.9</v>
      </c>
      <c r="H24" s="16">
        <f>ROUND(D24*E24,2)</f>
        <v>0</v>
      </c>
      <c r="I24" s="16">
        <f>ROUND(D24*F24,2)</f>
        <v>0</v>
      </c>
      <c r="J24" s="16">
        <f>H24+I24</f>
        <v>0</v>
      </c>
      <c r="K24" s="60"/>
      <c r="L24" s="364"/>
      <c r="M24" s="85"/>
      <c r="N24" s="30">
        <v>85</v>
      </c>
      <c r="O24" s="16">
        <f>ROUND((M24/(1-(Q24+R24+S24+T24))),2)</f>
        <v>0</v>
      </c>
      <c r="P24" s="16">
        <f>ROUND((N24/(1-(T24))),2)</f>
        <v>94.44</v>
      </c>
      <c r="Q24" s="19"/>
      <c r="R24" s="19"/>
      <c r="S24" s="19"/>
      <c r="T24" s="19">
        <f t="shared" si="7"/>
        <v>0.1</v>
      </c>
    </row>
    <row r="25" spans="1:20">
      <c r="A25" s="39"/>
      <c r="B25" s="40"/>
      <c r="C25" s="39"/>
      <c r="D25" s="39"/>
      <c r="E25" s="34">
        <f t="shared" si="11"/>
        <v>0</v>
      </c>
      <c r="F25" s="34">
        <f t="shared" si="12"/>
        <v>0</v>
      </c>
      <c r="G25" s="34">
        <f t="shared" si="13"/>
        <v>0</v>
      </c>
      <c r="H25" s="16">
        <f t="shared" si="14"/>
        <v>0</v>
      </c>
      <c r="I25" s="16">
        <f t="shared" si="15"/>
        <v>0</v>
      </c>
      <c r="J25" s="16">
        <f t="shared" si="16"/>
        <v>0</v>
      </c>
      <c r="K25" s="16"/>
      <c r="L25" s="364"/>
      <c r="M25" s="85"/>
      <c r="N25" s="29">
        <v>0</v>
      </c>
      <c r="O25" s="16">
        <f t="shared" si="0"/>
        <v>0</v>
      </c>
      <c r="P25" s="16">
        <f t="shared" si="8"/>
        <v>0</v>
      </c>
      <c r="Q25" s="19"/>
      <c r="R25" s="19"/>
      <c r="S25" s="19"/>
      <c r="T25" s="19">
        <f t="shared" si="7"/>
        <v>0.1</v>
      </c>
    </row>
    <row r="26" spans="1:20" ht="12.75" customHeight="1">
      <c r="A26" s="66" t="s">
        <v>183</v>
      </c>
      <c r="B26" s="65" t="s">
        <v>184</v>
      </c>
      <c r="C26" s="66"/>
      <c r="D26" s="67"/>
      <c r="E26" s="68"/>
      <c r="F26" s="68"/>
      <c r="G26" s="68"/>
      <c r="H26" s="69"/>
      <c r="I26" s="69"/>
      <c r="J26" s="69"/>
      <c r="K26" s="70">
        <f>SUM(J26:J51)</f>
        <v>23096.820000000003</v>
      </c>
      <c r="L26" s="364"/>
      <c r="M26" s="85"/>
      <c r="N26" s="372"/>
      <c r="O26" s="16">
        <f t="shared" si="0"/>
        <v>0</v>
      </c>
      <c r="P26" s="16">
        <f>ROUND((N26/(1-(Q26+R26+S26+T26))),2)</f>
        <v>0</v>
      </c>
      <c r="Q26" s="19"/>
      <c r="R26" s="19"/>
      <c r="S26" s="19"/>
      <c r="T26" s="19">
        <f t="shared" si="7"/>
        <v>0.1</v>
      </c>
    </row>
    <row r="27" spans="1:20">
      <c r="A27" s="39" t="s">
        <v>185</v>
      </c>
      <c r="B27" s="56" t="s">
        <v>186</v>
      </c>
      <c r="C27" s="56" t="s">
        <v>187</v>
      </c>
      <c r="D27" s="56">
        <v>2</v>
      </c>
      <c r="E27" s="34">
        <f>ROUND(O27/(1-($N$4+$N$2)),2)</f>
        <v>27.33</v>
      </c>
      <c r="F27" s="373">
        <f>ROUND(P27/(1-($N$5+$N$3)),2)</f>
        <v>19.809999999999999</v>
      </c>
      <c r="G27" s="34">
        <f t="shared" ref="G27:G46" si="33">E27+F27</f>
        <v>47.14</v>
      </c>
      <c r="H27" s="16">
        <f t="shared" ref="H27:H46" si="34">ROUND(D27*E27,2)</f>
        <v>54.66</v>
      </c>
      <c r="I27" s="16">
        <f t="shared" ref="I27:I46" si="35">ROUND(D27*F27,2)</f>
        <v>39.619999999999997</v>
      </c>
      <c r="J27" s="16">
        <f t="shared" ref="J27:J46" si="36">H27+I27</f>
        <v>94.28</v>
      </c>
      <c r="K27" s="371"/>
      <c r="L27" s="364"/>
      <c r="M27" s="85">
        <v>15</v>
      </c>
      <c r="N27" s="31">
        <v>11.23</v>
      </c>
      <c r="O27" s="16">
        <f t="shared" si="0"/>
        <v>16.670000000000002</v>
      </c>
      <c r="P27" s="16">
        <f t="shared" ref="P27:P46" si="37">ROUND((N27/(1-(T27))),2)</f>
        <v>12.48</v>
      </c>
      <c r="Q27" s="19"/>
      <c r="R27" s="19"/>
      <c r="S27" s="19"/>
      <c r="T27" s="19">
        <f t="shared" si="7"/>
        <v>0.1</v>
      </c>
    </row>
    <row r="28" spans="1:20">
      <c r="A28" s="39" t="s">
        <v>188</v>
      </c>
      <c r="B28" s="56" t="s">
        <v>189</v>
      </c>
      <c r="C28" s="56" t="s">
        <v>187</v>
      </c>
      <c r="D28" s="56">
        <v>1</v>
      </c>
      <c r="E28" s="34">
        <f t="shared" ref="E28:E33" si="38">ROUND(O28/(1-($N$4+$N$2)),2)</f>
        <v>856.1</v>
      </c>
      <c r="F28" s="373">
        <f t="shared" ref="F28:F33" si="39">ROUND(P28/(1-($N$5+$N$3)),2)</f>
        <v>112.24</v>
      </c>
      <c r="G28" s="34">
        <f t="shared" si="33"/>
        <v>968.34</v>
      </c>
      <c r="H28" s="16">
        <f t="shared" si="34"/>
        <v>856.1</v>
      </c>
      <c r="I28" s="16">
        <f t="shared" si="35"/>
        <v>112.24</v>
      </c>
      <c r="J28" s="16">
        <f t="shared" si="36"/>
        <v>968.34</v>
      </c>
      <c r="K28" s="371"/>
      <c r="L28" s="364"/>
      <c r="M28" s="85">
        <v>470</v>
      </c>
      <c r="N28" s="374">
        <v>63.64</v>
      </c>
      <c r="O28" s="16">
        <f t="shared" si="0"/>
        <v>522.22</v>
      </c>
      <c r="P28" s="16">
        <f t="shared" si="37"/>
        <v>70.709999999999994</v>
      </c>
      <c r="Q28" s="19"/>
      <c r="R28" s="19"/>
      <c r="S28" s="19"/>
      <c r="T28" s="19">
        <f t="shared" si="7"/>
        <v>0.1</v>
      </c>
    </row>
    <row r="29" spans="1:20">
      <c r="A29" s="39" t="s">
        <v>190</v>
      </c>
      <c r="B29" s="56" t="s">
        <v>191</v>
      </c>
      <c r="C29" s="56" t="s">
        <v>187</v>
      </c>
      <c r="D29" s="56">
        <v>58</v>
      </c>
      <c r="E29" s="34">
        <f t="shared" ref="E29" si="40">ROUND(O29/(1-($N$4+$N$2)),2)</f>
        <v>13.84</v>
      </c>
      <c r="F29" s="373">
        <f t="shared" ref="F29" si="41">ROUND(P29/(1-($N$5+$N$3)),2)</f>
        <v>7.05</v>
      </c>
      <c r="G29" s="34">
        <f t="shared" ref="G29" si="42">E29+F29</f>
        <v>20.89</v>
      </c>
      <c r="H29" s="16">
        <f t="shared" ref="H29" si="43">ROUND(D29*E29,2)</f>
        <v>802.72</v>
      </c>
      <c r="I29" s="16">
        <f t="shared" ref="I29" si="44">ROUND(D29*F29,2)</f>
        <v>408.9</v>
      </c>
      <c r="J29" s="16">
        <f t="shared" ref="J29" si="45">H29+I29</f>
        <v>1211.6199999999999</v>
      </c>
      <c r="K29" s="371"/>
      <c r="L29" s="364"/>
      <c r="M29" s="85">
        <v>7.6</v>
      </c>
      <c r="N29" s="375">
        <v>4</v>
      </c>
      <c r="O29" s="16">
        <f t="shared" ref="O29" si="46">ROUND((M29/(1-(Q29+R29+S29+T29))),2)</f>
        <v>8.44</v>
      </c>
      <c r="P29" s="16">
        <f t="shared" ref="P29" si="47">ROUND((N29/(1-(T29))),2)</f>
        <v>4.4400000000000004</v>
      </c>
      <c r="Q29" s="19"/>
      <c r="R29" s="19"/>
      <c r="S29" s="19"/>
      <c r="T29" s="19">
        <f t="shared" si="7"/>
        <v>0.1</v>
      </c>
    </row>
    <row r="30" spans="1:20">
      <c r="A30" s="39" t="s">
        <v>192</v>
      </c>
      <c r="B30" s="56" t="s">
        <v>193</v>
      </c>
      <c r="C30" s="56" t="s">
        <v>187</v>
      </c>
      <c r="D30" s="56">
        <v>95</v>
      </c>
      <c r="E30" s="34">
        <f t="shared" si="38"/>
        <v>12.75</v>
      </c>
      <c r="F30" s="373">
        <f t="shared" si="39"/>
        <v>7.05</v>
      </c>
      <c r="G30" s="34">
        <f t="shared" si="33"/>
        <v>19.8</v>
      </c>
      <c r="H30" s="16">
        <f t="shared" si="34"/>
        <v>1211.25</v>
      </c>
      <c r="I30" s="16">
        <f t="shared" si="35"/>
        <v>669.75</v>
      </c>
      <c r="J30" s="16">
        <f t="shared" si="36"/>
        <v>1881</v>
      </c>
      <c r="K30" s="371"/>
      <c r="L30" s="364"/>
      <c r="M30" s="85">
        <v>7</v>
      </c>
      <c r="N30" s="375">
        <v>4</v>
      </c>
      <c r="O30" s="16">
        <f t="shared" si="0"/>
        <v>7.78</v>
      </c>
      <c r="P30" s="16">
        <f t="shared" si="37"/>
        <v>4.4400000000000004</v>
      </c>
      <c r="Q30" s="19"/>
      <c r="R30" s="19"/>
      <c r="S30" s="19"/>
      <c r="T30" s="19">
        <f t="shared" si="7"/>
        <v>0.1</v>
      </c>
    </row>
    <row r="31" spans="1:20">
      <c r="A31" s="39" t="s">
        <v>194</v>
      </c>
      <c r="B31" s="56" t="s">
        <v>195</v>
      </c>
      <c r="C31" s="56" t="s">
        <v>187</v>
      </c>
      <c r="D31" s="56">
        <v>9</v>
      </c>
      <c r="E31" s="34">
        <f t="shared" si="38"/>
        <v>3.34</v>
      </c>
      <c r="F31" s="373">
        <f t="shared" si="39"/>
        <v>2.81</v>
      </c>
      <c r="G31" s="34">
        <f t="shared" si="33"/>
        <v>6.15</v>
      </c>
      <c r="H31" s="16">
        <f t="shared" si="34"/>
        <v>30.06</v>
      </c>
      <c r="I31" s="16">
        <f t="shared" si="35"/>
        <v>25.29</v>
      </c>
      <c r="J31" s="16">
        <f t="shared" si="36"/>
        <v>55.349999999999994</v>
      </c>
      <c r="K31" s="371"/>
      <c r="L31" s="364"/>
      <c r="M31" s="85">
        <v>1.84</v>
      </c>
      <c r="N31" s="374">
        <v>1.59</v>
      </c>
      <c r="O31" s="16">
        <f t="shared" si="0"/>
        <v>2.04</v>
      </c>
      <c r="P31" s="16">
        <f t="shared" si="37"/>
        <v>1.77</v>
      </c>
      <c r="Q31" s="19"/>
      <c r="R31" s="19"/>
      <c r="S31" s="19"/>
      <c r="T31" s="19">
        <f t="shared" si="7"/>
        <v>0.1</v>
      </c>
    </row>
    <row r="32" spans="1:20">
      <c r="A32" s="39" t="s">
        <v>196</v>
      </c>
      <c r="B32" s="56" t="s">
        <v>197</v>
      </c>
      <c r="C32" s="56" t="s">
        <v>187</v>
      </c>
      <c r="D32" s="56">
        <v>4</v>
      </c>
      <c r="E32" s="34">
        <f t="shared" si="38"/>
        <v>12.98</v>
      </c>
      <c r="F32" s="373">
        <f t="shared" si="39"/>
        <v>10.65</v>
      </c>
      <c r="G32" s="34">
        <f t="shared" si="33"/>
        <v>23.630000000000003</v>
      </c>
      <c r="H32" s="16">
        <f t="shared" si="34"/>
        <v>51.92</v>
      </c>
      <c r="I32" s="16">
        <f t="shared" si="35"/>
        <v>42.6</v>
      </c>
      <c r="J32" s="16">
        <f t="shared" si="36"/>
        <v>94.52000000000001</v>
      </c>
      <c r="K32" s="371"/>
      <c r="L32" s="364"/>
      <c r="M32" s="85">
        <v>7.13</v>
      </c>
      <c r="N32" s="374">
        <v>6.04</v>
      </c>
      <c r="O32" s="16">
        <f t="shared" si="0"/>
        <v>7.92</v>
      </c>
      <c r="P32" s="16">
        <f t="shared" si="37"/>
        <v>6.71</v>
      </c>
      <c r="Q32" s="19"/>
      <c r="R32" s="19"/>
      <c r="S32" s="19"/>
      <c r="T32" s="19">
        <f t="shared" si="7"/>
        <v>0.1</v>
      </c>
    </row>
    <row r="33" spans="1:20">
      <c r="A33" s="39" t="s">
        <v>198</v>
      </c>
      <c r="B33" s="56" t="s">
        <v>199</v>
      </c>
      <c r="C33" s="56" t="s">
        <v>200</v>
      </c>
      <c r="D33" s="56">
        <v>18</v>
      </c>
      <c r="E33" s="34">
        <f t="shared" si="38"/>
        <v>4.07</v>
      </c>
      <c r="F33" s="373">
        <f t="shared" si="39"/>
        <v>2.81</v>
      </c>
      <c r="G33" s="34">
        <f t="shared" si="33"/>
        <v>6.8800000000000008</v>
      </c>
      <c r="H33" s="16">
        <f t="shared" si="34"/>
        <v>73.260000000000005</v>
      </c>
      <c r="I33" s="16">
        <f t="shared" si="35"/>
        <v>50.58</v>
      </c>
      <c r="J33" s="16">
        <f t="shared" si="36"/>
        <v>123.84</v>
      </c>
      <c r="K33" s="371"/>
      <c r="L33" s="364"/>
      <c r="M33" s="85">
        <v>2.23</v>
      </c>
      <c r="N33" s="374">
        <v>1.59</v>
      </c>
      <c r="O33" s="16">
        <f t="shared" si="0"/>
        <v>2.48</v>
      </c>
      <c r="P33" s="16">
        <f t="shared" si="37"/>
        <v>1.77</v>
      </c>
      <c r="Q33" s="19"/>
      <c r="R33" s="19"/>
      <c r="S33" s="19"/>
      <c r="T33" s="19">
        <f t="shared" si="7"/>
        <v>0.1</v>
      </c>
    </row>
    <row r="34" spans="1:20">
      <c r="A34" s="39" t="s">
        <v>201</v>
      </c>
      <c r="B34" s="56" t="s">
        <v>202</v>
      </c>
      <c r="C34" s="56" t="s">
        <v>200</v>
      </c>
      <c r="D34" s="56">
        <v>478</v>
      </c>
      <c r="E34" s="34">
        <f>ROUND(O34/(1-($N$4+$N$2)),2)</f>
        <v>2.79</v>
      </c>
      <c r="F34" s="373">
        <f>ROUND(P34/(1-($N$5+$N$3)),2)</f>
        <v>2.81</v>
      </c>
      <c r="G34" s="34">
        <f t="shared" si="33"/>
        <v>5.6</v>
      </c>
      <c r="H34" s="16">
        <f t="shared" si="34"/>
        <v>1333.62</v>
      </c>
      <c r="I34" s="16">
        <f t="shared" si="35"/>
        <v>1343.18</v>
      </c>
      <c r="J34" s="16">
        <f t="shared" si="36"/>
        <v>2676.8</v>
      </c>
      <c r="K34" s="371"/>
      <c r="L34" s="364"/>
      <c r="M34" s="85">
        <v>1.53</v>
      </c>
      <c r="N34" s="374">
        <v>1.59</v>
      </c>
      <c r="O34" s="16">
        <f t="shared" si="0"/>
        <v>1.7</v>
      </c>
      <c r="P34" s="16">
        <f t="shared" si="37"/>
        <v>1.77</v>
      </c>
      <c r="Q34" s="19"/>
      <c r="R34" s="19"/>
      <c r="S34" s="19"/>
      <c r="T34" s="19">
        <f t="shared" si="7"/>
        <v>0.1</v>
      </c>
    </row>
    <row r="35" spans="1:20">
      <c r="A35" s="39" t="s">
        <v>203</v>
      </c>
      <c r="B35" s="56" t="s">
        <v>204</v>
      </c>
      <c r="C35" s="56" t="s">
        <v>200</v>
      </c>
      <c r="D35" s="56">
        <v>67</v>
      </c>
      <c r="E35" s="34">
        <f>ROUND(O35/(1-($N$4+$N$2)),2)</f>
        <v>10.44</v>
      </c>
      <c r="F35" s="373">
        <f>ROUND(P35/(1-($N$5+$N$3)),2)</f>
        <v>16.829999999999998</v>
      </c>
      <c r="G35" s="34">
        <f t="shared" si="33"/>
        <v>27.269999999999996</v>
      </c>
      <c r="H35" s="16">
        <f t="shared" si="34"/>
        <v>699.48</v>
      </c>
      <c r="I35" s="16">
        <f t="shared" si="35"/>
        <v>1127.6099999999999</v>
      </c>
      <c r="J35" s="16">
        <f t="shared" si="36"/>
        <v>1827.09</v>
      </c>
      <c r="K35" s="371"/>
      <c r="L35" s="364"/>
      <c r="M35" s="85">
        <v>5.73</v>
      </c>
      <c r="N35" s="375">
        <v>9.5399999999999991</v>
      </c>
      <c r="O35" s="16">
        <f t="shared" si="0"/>
        <v>6.37</v>
      </c>
      <c r="P35" s="16">
        <f t="shared" si="37"/>
        <v>10.6</v>
      </c>
      <c r="Q35" s="19"/>
      <c r="R35" s="19"/>
      <c r="S35" s="19"/>
      <c r="T35" s="19">
        <f t="shared" si="7"/>
        <v>0.1</v>
      </c>
    </row>
    <row r="36" spans="1:20">
      <c r="A36" s="39" t="s">
        <v>205</v>
      </c>
      <c r="B36" s="56" t="s">
        <v>206</v>
      </c>
      <c r="C36" s="56" t="s">
        <v>200</v>
      </c>
      <c r="D36" s="56">
        <v>22</v>
      </c>
      <c r="E36" s="34">
        <f>ROUND(O36/(1-($N$4+$N$2)),2)</f>
        <v>37.54</v>
      </c>
      <c r="F36" s="373">
        <f>ROUND(P36/(1-($N$5+$N$3)),2)</f>
        <v>9.5399999999999991</v>
      </c>
      <c r="G36" s="34">
        <f t="shared" si="33"/>
        <v>47.08</v>
      </c>
      <c r="H36" s="16">
        <f t="shared" si="34"/>
        <v>825.88</v>
      </c>
      <c r="I36" s="16">
        <f t="shared" si="35"/>
        <v>209.88</v>
      </c>
      <c r="J36" s="16">
        <f t="shared" si="36"/>
        <v>1035.76</v>
      </c>
      <c r="K36" s="371"/>
      <c r="L36" s="364"/>
      <c r="M36" s="85">
        <v>20.61</v>
      </c>
      <c r="N36" s="374">
        <v>5.41</v>
      </c>
      <c r="O36" s="16">
        <f t="shared" si="0"/>
        <v>22.9</v>
      </c>
      <c r="P36" s="16">
        <f t="shared" si="37"/>
        <v>6.01</v>
      </c>
      <c r="Q36" s="19"/>
      <c r="R36" s="19"/>
      <c r="S36" s="19"/>
      <c r="T36" s="19">
        <f t="shared" si="7"/>
        <v>0.1</v>
      </c>
    </row>
    <row r="37" spans="1:20">
      <c r="A37" s="39" t="s">
        <v>207</v>
      </c>
      <c r="B37" s="56" t="s">
        <v>208</v>
      </c>
      <c r="C37" s="56" t="s">
        <v>187</v>
      </c>
      <c r="D37" s="56">
        <v>8</v>
      </c>
      <c r="E37" s="34">
        <f>ROUND(O37/(1-($N$4+$N$2)),2)</f>
        <v>93.11</v>
      </c>
      <c r="F37" s="373">
        <f>ROUND(P37/(1-($N$5+$N$3)),2)</f>
        <v>27.9</v>
      </c>
      <c r="G37" s="34">
        <f t="shared" si="33"/>
        <v>121.00999999999999</v>
      </c>
      <c r="H37" s="16">
        <f t="shared" si="34"/>
        <v>744.88</v>
      </c>
      <c r="I37" s="16">
        <f t="shared" si="35"/>
        <v>223.2</v>
      </c>
      <c r="J37" s="16">
        <f t="shared" si="36"/>
        <v>968.07999999999993</v>
      </c>
      <c r="K37" s="371"/>
      <c r="L37" s="364"/>
      <c r="M37" s="85">
        <v>51.12</v>
      </c>
      <c r="N37" s="31">
        <v>15.82</v>
      </c>
      <c r="O37" s="16">
        <f t="shared" si="0"/>
        <v>56.8</v>
      </c>
      <c r="P37" s="16">
        <f t="shared" si="37"/>
        <v>17.579999999999998</v>
      </c>
      <c r="Q37" s="19"/>
      <c r="R37" s="19"/>
      <c r="S37" s="19"/>
      <c r="T37" s="19">
        <f t="shared" si="7"/>
        <v>0.1</v>
      </c>
    </row>
    <row r="38" spans="1:20">
      <c r="A38" s="39" t="s">
        <v>209</v>
      </c>
      <c r="B38" s="56" t="s">
        <v>210</v>
      </c>
      <c r="C38" s="56" t="s">
        <v>187</v>
      </c>
      <c r="D38" s="56">
        <v>53</v>
      </c>
      <c r="E38" s="34">
        <f>ROUND(O38/(1-($N$4+$N$2)),2)</f>
        <v>110.97</v>
      </c>
      <c r="F38" s="373">
        <f>ROUND(P38/(1-($N$5+$N$3)),2)</f>
        <v>27.9</v>
      </c>
      <c r="G38" s="34">
        <f t="shared" si="33"/>
        <v>138.87</v>
      </c>
      <c r="H38" s="16">
        <f t="shared" si="34"/>
        <v>5881.41</v>
      </c>
      <c r="I38" s="16">
        <f t="shared" si="35"/>
        <v>1478.7</v>
      </c>
      <c r="J38" s="16">
        <f t="shared" si="36"/>
        <v>7360.11</v>
      </c>
      <c r="K38" s="371"/>
      <c r="L38" s="364"/>
      <c r="M38" s="85">
        <v>60.92</v>
      </c>
      <c r="N38" s="31">
        <v>15.82</v>
      </c>
      <c r="O38" s="16">
        <f t="shared" ref="O38:O46" si="48">ROUND((M38/(1-(Q38+R38+S38+T38))),2)</f>
        <v>67.69</v>
      </c>
      <c r="P38" s="16">
        <f t="shared" si="37"/>
        <v>17.579999999999998</v>
      </c>
      <c r="Q38" s="19"/>
      <c r="R38" s="19"/>
      <c r="S38" s="19"/>
      <c r="T38" s="19">
        <f t="shared" si="7"/>
        <v>0.1</v>
      </c>
    </row>
    <row r="39" spans="1:20">
      <c r="A39" s="39" t="s">
        <v>211</v>
      </c>
      <c r="B39" s="56" t="s">
        <v>212</v>
      </c>
      <c r="C39" s="56" t="s">
        <v>187</v>
      </c>
      <c r="D39" s="56">
        <v>7</v>
      </c>
      <c r="E39" s="34">
        <f t="shared" ref="E39:E42" si="49">ROUND(O39/(1-($N$4+$N$2)),2)</f>
        <v>15.31</v>
      </c>
      <c r="F39" s="373">
        <f t="shared" ref="F39:F42" si="50">ROUND(P39/(1-($N$5+$N$3)),2)</f>
        <v>2.81</v>
      </c>
      <c r="G39" s="34">
        <f t="shared" si="33"/>
        <v>18.12</v>
      </c>
      <c r="H39" s="16">
        <f t="shared" si="34"/>
        <v>107.17</v>
      </c>
      <c r="I39" s="16">
        <f t="shared" si="35"/>
        <v>19.670000000000002</v>
      </c>
      <c r="J39" s="16">
        <f t="shared" si="36"/>
        <v>126.84</v>
      </c>
      <c r="K39" s="371"/>
      <c r="L39" s="364"/>
      <c r="M39" s="85">
        <v>8.41</v>
      </c>
      <c r="N39" s="374">
        <v>1.59</v>
      </c>
      <c r="O39" s="16">
        <f t="shared" si="48"/>
        <v>9.34</v>
      </c>
      <c r="P39" s="16">
        <f t="shared" si="37"/>
        <v>1.77</v>
      </c>
      <c r="Q39" s="19"/>
      <c r="R39" s="19"/>
      <c r="S39" s="19"/>
      <c r="T39" s="19">
        <f t="shared" si="7"/>
        <v>0.1</v>
      </c>
    </row>
    <row r="40" spans="1:20">
      <c r="A40" s="39" t="s">
        <v>213</v>
      </c>
      <c r="B40" s="56" t="s">
        <v>214</v>
      </c>
      <c r="C40" s="56" t="s">
        <v>187</v>
      </c>
      <c r="D40" s="56">
        <v>8</v>
      </c>
      <c r="E40" s="34">
        <f t="shared" si="49"/>
        <v>21.15</v>
      </c>
      <c r="F40" s="373">
        <f t="shared" si="50"/>
        <v>2.81</v>
      </c>
      <c r="G40" s="34">
        <f t="shared" si="33"/>
        <v>23.959999999999997</v>
      </c>
      <c r="H40" s="16">
        <f t="shared" si="34"/>
        <v>169.2</v>
      </c>
      <c r="I40" s="16">
        <f t="shared" si="35"/>
        <v>22.48</v>
      </c>
      <c r="J40" s="16">
        <f t="shared" si="36"/>
        <v>191.67999999999998</v>
      </c>
      <c r="K40" s="371"/>
      <c r="L40" s="364"/>
      <c r="M40" s="85">
        <v>11.61</v>
      </c>
      <c r="N40" s="374">
        <v>1.59</v>
      </c>
      <c r="O40" s="16">
        <f t="shared" si="48"/>
        <v>12.9</v>
      </c>
      <c r="P40" s="16">
        <f t="shared" si="37"/>
        <v>1.77</v>
      </c>
      <c r="Q40" s="19"/>
      <c r="R40" s="19"/>
      <c r="S40" s="19"/>
      <c r="T40" s="19">
        <f t="shared" si="7"/>
        <v>0.1</v>
      </c>
    </row>
    <row r="41" spans="1:20">
      <c r="A41" s="39" t="s">
        <v>215</v>
      </c>
      <c r="B41" s="56" t="s">
        <v>216</v>
      </c>
      <c r="C41" s="56" t="s">
        <v>187</v>
      </c>
      <c r="D41" s="56">
        <v>11</v>
      </c>
      <c r="E41" s="34">
        <f t="shared" si="49"/>
        <v>8.9</v>
      </c>
      <c r="F41" s="373">
        <f t="shared" si="50"/>
        <v>2.81</v>
      </c>
      <c r="G41" s="34">
        <f t="shared" si="33"/>
        <v>11.71</v>
      </c>
      <c r="H41" s="16">
        <f t="shared" si="34"/>
        <v>97.9</v>
      </c>
      <c r="I41" s="16">
        <f t="shared" si="35"/>
        <v>30.91</v>
      </c>
      <c r="J41" s="16">
        <f t="shared" si="36"/>
        <v>128.81</v>
      </c>
      <c r="K41" s="371"/>
      <c r="L41" s="364"/>
      <c r="M41" s="85">
        <v>4.8899999999999997</v>
      </c>
      <c r="N41" s="374">
        <v>1.59</v>
      </c>
      <c r="O41" s="16">
        <f t="shared" si="48"/>
        <v>5.43</v>
      </c>
      <c r="P41" s="16">
        <f t="shared" si="37"/>
        <v>1.77</v>
      </c>
      <c r="Q41" s="19"/>
      <c r="R41" s="19"/>
      <c r="S41" s="19"/>
      <c r="T41" s="19">
        <f t="shared" si="7"/>
        <v>0.1</v>
      </c>
    </row>
    <row r="42" spans="1:20">
      <c r="A42" s="39" t="s">
        <v>217</v>
      </c>
      <c r="B42" s="56" t="s">
        <v>218</v>
      </c>
      <c r="C42" s="56" t="s">
        <v>187</v>
      </c>
      <c r="D42" s="56">
        <v>18</v>
      </c>
      <c r="E42" s="34">
        <f t="shared" si="49"/>
        <v>3.64</v>
      </c>
      <c r="F42" s="373">
        <f t="shared" si="50"/>
        <v>3.52</v>
      </c>
      <c r="G42" s="34">
        <f t="shared" si="33"/>
        <v>7.16</v>
      </c>
      <c r="H42" s="16">
        <f t="shared" si="34"/>
        <v>65.52</v>
      </c>
      <c r="I42" s="16">
        <f t="shared" si="35"/>
        <v>63.36</v>
      </c>
      <c r="J42" s="16">
        <f t="shared" si="36"/>
        <v>128.88</v>
      </c>
      <c r="K42" s="371"/>
      <c r="L42" s="364"/>
      <c r="M42" s="85">
        <v>2</v>
      </c>
      <c r="N42" s="374">
        <v>2</v>
      </c>
      <c r="O42" s="16">
        <f t="shared" si="48"/>
        <v>2.2200000000000002</v>
      </c>
      <c r="P42" s="16">
        <f t="shared" si="37"/>
        <v>2.2200000000000002</v>
      </c>
      <c r="Q42" s="19"/>
      <c r="R42" s="19"/>
      <c r="S42" s="19"/>
      <c r="T42" s="19">
        <f t="shared" si="7"/>
        <v>0.1</v>
      </c>
    </row>
    <row r="43" spans="1:20">
      <c r="A43" s="39" t="s">
        <v>219</v>
      </c>
      <c r="B43" s="56" t="s">
        <v>220</v>
      </c>
      <c r="C43" s="56" t="s">
        <v>187</v>
      </c>
      <c r="D43" s="56">
        <v>8</v>
      </c>
      <c r="E43" s="34">
        <f>ROUND(O43/(1-($N$4+$N$2)),2)</f>
        <v>10.93</v>
      </c>
      <c r="F43" s="373">
        <f>ROUND(P43/(1-($N$5+$N$3)),2)</f>
        <v>3.52</v>
      </c>
      <c r="G43" s="34">
        <f t="shared" si="33"/>
        <v>14.45</v>
      </c>
      <c r="H43" s="16">
        <f t="shared" si="34"/>
        <v>87.44</v>
      </c>
      <c r="I43" s="16">
        <f t="shared" si="35"/>
        <v>28.16</v>
      </c>
      <c r="J43" s="16">
        <f t="shared" si="36"/>
        <v>115.6</v>
      </c>
      <c r="K43" s="371"/>
      <c r="L43" s="364"/>
      <c r="M43" s="85">
        <v>6</v>
      </c>
      <c r="N43" s="374">
        <v>2</v>
      </c>
      <c r="O43" s="16">
        <f t="shared" si="48"/>
        <v>6.67</v>
      </c>
      <c r="P43" s="16">
        <f t="shared" si="37"/>
        <v>2.2200000000000002</v>
      </c>
      <c r="Q43" s="19"/>
      <c r="R43" s="19"/>
      <c r="S43" s="19"/>
      <c r="T43" s="19">
        <f t="shared" si="7"/>
        <v>0.1</v>
      </c>
    </row>
    <row r="44" spans="1:20">
      <c r="A44" s="39" t="s">
        <v>221</v>
      </c>
      <c r="B44" s="56" t="s">
        <v>222</v>
      </c>
      <c r="C44" s="56" t="s">
        <v>187</v>
      </c>
      <c r="D44" s="56">
        <v>1</v>
      </c>
      <c r="E44" s="34">
        <f>ROUND(O44/(1-($N$4+$N$2)),2)</f>
        <v>539.16</v>
      </c>
      <c r="F44" s="373">
        <f>ROUND(P44/(1-($N$5+$N$3)),2)</f>
        <v>264.56</v>
      </c>
      <c r="G44" s="34">
        <f t="shared" si="33"/>
        <v>803.72</v>
      </c>
      <c r="H44" s="16">
        <f t="shared" si="34"/>
        <v>539.16</v>
      </c>
      <c r="I44" s="16">
        <f t="shared" si="35"/>
        <v>264.56</v>
      </c>
      <c r="J44" s="16">
        <f t="shared" si="36"/>
        <v>803.72</v>
      </c>
      <c r="K44" s="371"/>
      <c r="L44" s="364"/>
      <c r="M44" s="85">
        <v>296</v>
      </c>
      <c r="N44" s="375">
        <v>150</v>
      </c>
      <c r="O44" s="16">
        <f t="shared" si="48"/>
        <v>328.89</v>
      </c>
      <c r="P44" s="16">
        <f t="shared" si="37"/>
        <v>166.67</v>
      </c>
      <c r="Q44" s="19"/>
      <c r="R44" s="19"/>
      <c r="S44" s="19"/>
      <c r="T44" s="19">
        <f t="shared" si="7"/>
        <v>0.1</v>
      </c>
    </row>
    <row r="45" spans="1:20">
      <c r="A45" s="39" t="s">
        <v>223</v>
      </c>
      <c r="B45" s="56" t="s">
        <v>224</v>
      </c>
      <c r="C45" s="56" t="s">
        <v>187</v>
      </c>
      <c r="D45" s="56">
        <v>1</v>
      </c>
      <c r="E45" s="34">
        <f>ROUND(O45/(1-($N$4+$N$2)),2)</f>
        <v>309.18</v>
      </c>
      <c r="F45" s="373">
        <f>ROUND(P45/(1-($N$5+$N$3)),2)</f>
        <v>176.37</v>
      </c>
      <c r="G45" s="34">
        <f t="shared" si="33"/>
        <v>485.55</v>
      </c>
      <c r="H45" s="16">
        <f t="shared" si="34"/>
        <v>309.18</v>
      </c>
      <c r="I45" s="16">
        <f t="shared" si="35"/>
        <v>176.37</v>
      </c>
      <c r="J45" s="16">
        <f t="shared" si="36"/>
        <v>485.55</v>
      </c>
      <c r="K45" s="371"/>
      <c r="L45" s="364"/>
      <c r="M45" s="85">
        <v>169.74</v>
      </c>
      <c r="N45" s="374">
        <v>100</v>
      </c>
      <c r="O45" s="16">
        <f t="shared" si="48"/>
        <v>188.6</v>
      </c>
      <c r="P45" s="16">
        <f t="shared" si="37"/>
        <v>111.11</v>
      </c>
      <c r="Q45" s="19"/>
      <c r="R45" s="19"/>
      <c r="S45" s="19"/>
      <c r="T45" s="19">
        <f t="shared" si="7"/>
        <v>0.1</v>
      </c>
    </row>
    <row r="46" spans="1:20">
      <c r="A46" s="39" t="s">
        <v>225</v>
      </c>
      <c r="B46" s="56" t="s">
        <v>226</v>
      </c>
      <c r="C46" s="56" t="s">
        <v>187</v>
      </c>
      <c r="D46" s="56">
        <v>2</v>
      </c>
      <c r="E46" s="34">
        <f>ROUND(O46/(1-($N$4+$N$2)),2)</f>
        <v>309.18</v>
      </c>
      <c r="F46" s="373">
        <f>ROUND(P46/(1-($N$5+$N$3)),2)</f>
        <v>176.37</v>
      </c>
      <c r="G46" s="34">
        <f t="shared" si="33"/>
        <v>485.55</v>
      </c>
      <c r="H46" s="16">
        <f t="shared" si="34"/>
        <v>618.36</v>
      </c>
      <c r="I46" s="16">
        <f t="shared" si="35"/>
        <v>352.74</v>
      </c>
      <c r="J46" s="16">
        <f t="shared" si="36"/>
        <v>971.1</v>
      </c>
      <c r="K46" s="371"/>
      <c r="L46" s="364"/>
      <c r="M46" s="85">
        <v>169.74</v>
      </c>
      <c r="N46" s="374">
        <v>100</v>
      </c>
      <c r="O46" s="16">
        <f t="shared" si="48"/>
        <v>188.6</v>
      </c>
      <c r="P46" s="16">
        <f t="shared" si="37"/>
        <v>111.11</v>
      </c>
      <c r="Q46" s="19"/>
      <c r="R46" s="19"/>
      <c r="S46" s="19"/>
      <c r="T46" s="19">
        <f t="shared" si="7"/>
        <v>0.1</v>
      </c>
    </row>
    <row r="47" spans="1:20">
      <c r="A47" s="39" t="s">
        <v>227</v>
      </c>
      <c r="B47" s="56" t="s">
        <v>228</v>
      </c>
      <c r="C47" s="56" t="s">
        <v>187</v>
      </c>
      <c r="D47" s="56">
        <v>2</v>
      </c>
      <c r="E47" s="34">
        <f>ROUND(O47/(1-($N$4+$N$2)),2)</f>
        <v>31.26</v>
      </c>
      <c r="F47" s="373">
        <f>ROUND(P47/(1-($N$5+$N$3)),2)</f>
        <v>8.41</v>
      </c>
      <c r="G47" s="34">
        <f t="shared" ref="G47:G50" si="51">E47+F47</f>
        <v>39.67</v>
      </c>
      <c r="H47" s="16">
        <f t="shared" ref="H47:H50" si="52">ROUND(D47*E47,2)</f>
        <v>62.52</v>
      </c>
      <c r="I47" s="16">
        <f t="shared" ref="I47:I50" si="53">ROUND(D47*F47,2)</f>
        <v>16.82</v>
      </c>
      <c r="J47" s="16">
        <f t="shared" ref="J47:J50" si="54">H47+I47</f>
        <v>79.34</v>
      </c>
      <c r="K47" s="371"/>
      <c r="L47" s="364"/>
      <c r="M47" s="85">
        <v>17.16</v>
      </c>
      <c r="N47" s="31">
        <v>4.7699999999999996</v>
      </c>
      <c r="O47" s="16">
        <f t="shared" ref="O47:O50" si="55">ROUND((M47/(1-(Q47+R47+S47+T47))),2)</f>
        <v>19.07</v>
      </c>
      <c r="P47" s="16">
        <f t="shared" ref="P47:P50" si="56">ROUND((N47/(1-(T47))),2)</f>
        <v>5.3</v>
      </c>
      <c r="Q47" s="19"/>
      <c r="R47" s="19"/>
      <c r="S47" s="19"/>
      <c r="T47" s="19">
        <f t="shared" si="7"/>
        <v>0.1</v>
      </c>
    </row>
    <row r="48" spans="1:20">
      <c r="A48" s="39" t="s">
        <v>229</v>
      </c>
      <c r="B48" s="56" t="s">
        <v>230</v>
      </c>
      <c r="C48" s="56" t="s">
        <v>187</v>
      </c>
      <c r="D48" s="56">
        <v>22</v>
      </c>
      <c r="E48" s="34">
        <f t="shared" ref="E48:E50" si="57">ROUND(O48/(1-($N$4+$N$2)),2)</f>
        <v>3.64</v>
      </c>
      <c r="F48" s="373">
        <f t="shared" ref="F48:F50" si="58">ROUND(P48/(1-($N$5+$N$3)),2)</f>
        <v>3.52</v>
      </c>
      <c r="G48" s="34">
        <f t="shared" si="51"/>
        <v>7.16</v>
      </c>
      <c r="H48" s="16">
        <f t="shared" si="52"/>
        <v>80.08</v>
      </c>
      <c r="I48" s="16">
        <f t="shared" si="53"/>
        <v>77.44</v>
      </c>
      <c r="J48" s="16">
        <f t="shared" si="54"/>
        <v>157.51999999999998</v>
      </c>
      <c r="K48" s="371"/>
      <c r="L48" s="364"/>
      <c r="M48" s="85">
        <v>2</v>
      </c>
      <c r="N48" s="374">
        <v>2</v>
      </c>
      <c r="O48" s="16">
        <f t="shared" si="55"/>
        <v>2.2200000000000002</v>
      </c>
      <c r="P48" s="16">
        <f t="shared" si="56"/>
        <v>2.2200000000000002</v>
      </c>
      <c r="Q48" s="19"/>
      <c r="R48" s="19"/>
      <c r="S48" s="19"/>
      <c r="T48" s="19">
        <f t="shared" si="7"/>
        <v>0.1</v>
      </c>
    </row>
    <row r="49" spans="1:20">
      <c r="A49" s="39" t="s">
        <v>231</v>
      </c>
      <c r="B49" s="56" t="s">
        <v>232</v>
      </c>
      <c r="C49" s="56" t="s">
        <v>187</v>
      </c>
      <c r="D49" s="56">
        <v>5</v>
      </c>
      <c r="E49" s="34">
        <f t="shared" si="57"/>
        <v>4.5599999999999996</v>
      </c>
      <c r="F49" s="373">
        <f t="shared" si="58"/>
        <v>3.52</v>
      </c>
      <c r="G49" s="34">
        <f t="shared" si="51"/>
        <v>8.08</v>
      </c>
      <c r="H49" s="16">
        <f t="shared" si="52"/>
        <v>22.8</v>
      </c>
      <c r="I49" s="16">
        <f t="shared" si="53"/>
        <v>17.600000000000001</v>
      </c>
      <c r="J49" s="16">
        <f t="shared" si="54"/>
        <v>40.400000000000006</v>
      </c>
      <c r="K49" s="371"/>
      <c r="L49" s="364"/>
      <c r="M49" s="85">
        <v>2.5</v>
      </c>
      <c r="N49" s="375">
        <v>2</v>
      </c>
      <c r="O49" s="16">
        <f t="shared" si="55"/>
        <v>2.78</v>
      </c>
      <c r="P49" s="16">
        <f t="shared" si="56"/>
        <v>2.2200000000000002</v>
      </c>
      <c r="Q49" s="19"/>
      <c r="R49" s="19"/>
      <c r="S49" s="19"/>
      <c r="T49" s="19">
        <f t="shared" si="7"/>
        <v>0.1</v>
      </c>
    </row>
    <row r="50" spans="1:20">
      <c r="A50" s="39" t="s">
        <v>233</v>
      </c>
      <c r="B50" s="56" t="s">
        <v>234</v>
      </c>
      <c r="C50" s="56" t="s">
        <v>187</v>
      </c>
      <c r="D50" s="56">
        <v>59</v>
      </c>
      <c r="E50" s="34">
        <f t="shared" si="57"/>
        <v>18.13</v>
      </c>
      <c r="F50" s="373">
        <f t="shared" si="58"/>
        <v>4.4800000000000004</v>
      </c>
      <c r="G50" s="34">
        <f t="shared" si="51"/>
        <v>22.61</v>
      </c>
      <c r="H50" s="16">
        <f t="shared" si="52"/>
        <v>1069.67</v>
      </c>
      <c r="I50" s="16">
        <f t="shared" si="53"/>
        <v>264.32</v>
      </c>
      <c r="J50" s="16">
        <f t="shared" si="54"/>
        <v>1333.99</v>
      </c>
      <c r="K50" s="371"/>
      <c r="L50" s="364"/>
      <c r="M50" s="85">
        <v>9.9499999999999993</v>
      </c>
      <c r="N50" s="374">
        <v>2.54</v>
      </c>
      <c r="O50" s="16">
        <f t="shared" si="55"/>
        <v>11.06</v>
      </c>
      <c r="P50" s="16">
        <f t="shared" si="56"/>
        <v>2.82</v>
      </c>
      <c r="Q50" s="19"/>
      <c r="R50" s="19"/>
      <c r="S50" s="19"/>
      <c r="T50" s="19">
        <f t="shared" si="7"/>
        <v>0.1</v>
      </c>
    </row>
    <row r="51" spans="1:20">
      <c r="A51" s="39" t="s">
        <v>235</v>
      </c>
      <c r="B51" s="56" t="s">
        <v>236</v>
      </c>
      <c r="C51" s="56" t="s">
        <v>187</v>
      </c>
      <c r="D51" s="56">
        <v>10</v>
      </c>
      <c r="E51" s="34">
        <f>ROUND(O51/(1-($N$4+$N$2)),2)</f>
        <v>19.18</v>
      </c>
      <c r="F51" s="373">
        <f>ROUND(P51/(1-($N$5+$N$3)),2)</f>
        <v>4.4800000000000004</v>
      </c>
      <c r="G51" s="34">
        <f t="shared" ref="G51" si="59">E51+F51</f>
        <v>23.66</v>
      </c>
      <c r="H51" s="16">
        <f t="shared" ref="H51" si="60">ROUND(D51*E51,2)</f>
        <v>191.8</v>
      </c>
      <c r="I51" s="16">
        <f t="shared" ref="I51" si="61">ROUND(D51*F51,2)</f>
        <v>44.8</v>
      </c>
      <c r="J51" s="16">
        <f t="shared" ref="J51" si="62">H51+I51</f>
        <v>236.60000000000002</v>
      </c>
      <c r="K51" s="371"/>
      <c r="L51" s="364"/>
      <c r="M51" s="85">
        <v>10.53</v>
      </c>
      <c r="N51" s="31">
        <v>2.54</v>
      </c>
      <c r="O51" s="16">
        <f t="shared" si="0"/>
        <v>11.7</v>
      </c>
      <c r="P51" s="16">
        <f t="shared" ref="P51" si="63">ROUND((N51/(1-(T51))),2)</f>
        <v>2.82</v>
      </c>
      <c r="Q51" s="19"/>
      <c r="R51" s="19"/>
      <c r="S51" s="19"/>
      <c r="T51" s="19">
        <f t="shared" si="7"/>
        <v>0.1</v>
      </c>
    </row>
    <row r="52" spans="1:20">
      <c r="A52" s="39" t="s">
        <v>237</v>
      </c>
      <c r="B52" s="56" t="s">
        <v>238</v>
      </c>
      <c r="C52" s="39" t="s">
        <v>187</v>
      </c>
      <c r="D52" s="56">
        <v>9</v>
      </c>
      <c r="E52" s="34">
        <f>ROUND(O52/(1-($N$4+$N$2)),2)</f>
        <v>63.75</v>
      </c>
      <c r="F52" s="373">
        <f>ROUND(P52/(1-($N$5+$N$3)),2)</f>
        <v>12.35</v>
      </c>
      <c r="G52" s="34">
        <f t="shared" ref="G52:G75" si="64">E52+F52</f>
        <v>76.099999999999994</v>
      </c>
      <c r="H52" s="16">
        <f t="shared" ref="H52:H75" si="65">ROUND(D52*E52,2)</f>
        <v>573.75</v>
      </c>
      <c r="I52" s="16">
        <f t="shared" ref="I52:I75" si="66">ROUND(D52*F52,2)</f>
        <v>111.15</v>
      </c>
      <c r="J52" s="16">
        <f t="shared" ref="J52:J75" si="67">H52+I52</f>
        <v>684.9</v>
      </c>
      <c r="K52" s="371"/>
      <c r="L52" s="364"/>
      <c r="M52" s="85">
        <v>35</v>
      </c>
      <c r="N52" s="31">
        <v>7</v>
      </c>
      <c r="O52" s="16">
        <f t="shared" ref="O52:O75" si="68">ROUND((M52/(1-(Q52+R52+S52+T52))),2)</f>
        <v>38.89</v>
      </c>
      <c r="P52" s="16">
        <f t="shared" ref="P52:P75" si="69">ROUND((N52/(1-(T52))),2)</f>
        <v>7.78</v>
      </c>
      <c r="Q52" s="19"/>
      <c r="R52" s="19"/>
      <c r="S52" s="19"/>
      <c r="T52" s="19">
        <f t="shared" ref="T52:T58" si="70">$O$3</f>
        <v>0.1</v>
      </c>
    </row>
    <row r="53" spans="1:20">
      <c r="A53" s="39" t="s">
        <v>239</v>
      </c>
      <c r="B53" s="56" t="s">
        <v>240</v>
      </c>
      <c r="C53" s="39" t="s">
        <v>241</v>
      </c>
      <c r="D53" s="56">
        <v>36</v>
      </c>
      <c r="E53" s="34">
        <f t="shared" ref="E53" si="71">ROUND(O53/(1-($N$4+$N$2)),2)</f>
        <v>45.54</v>
      </c>
      <c r="F53" s="373">
        <f t="shared" ref="F53" si="72">ROUND(P53/(1-($N$5+$N$3)),2)</f>
        <v>13.22</v>
      </c>
      <c r="G53" s="34">
        <f t="shared" ref="G53" si="73">E53+F53</f>
        <v>58.76</v>
      </c>
      <c r="H53" s="16">
        <f t="shared" ref="H53" si="74">ROUND(D53*E53,2)</f>
        <v>1639.44</v>
      </c>
      <c r="I53" s="16">
        <f t="shared" ref="I53" si="75">ROUND(D53*F53,2)</f>
        <v>475.92</v>
      </c>
      <c r="J53" s="16">
        <f t="shared" ref="J53" si="76">H53+I53</f>
        <v>2115.36</v>
      </c>
      <c r="K53" s="371"/>
      <c r="L53" s="364"/>
      <c r="M53" s="85">
        <v>25</v>
      </c>
      <c r="N53" s="374">
        <v>7.5</v>
      </c>
      <c r="O53" s="16">
        <f t="shared" ref="O53" si="77">ROUND((M53/(1-(Q53+R53+S53+T53))),2)</f>
        <v>27.78</v>
      </c>
      <c r="P53" s="16">
        <f t="shared" ref="P53" si="78">ROUND((N53/(1-(T53))),2)</f>
        <v>8.33</v>
      </c>
      <c r="Q53" s="19"/>
      <c r="R53" s="19"/>
      <c r="S53" s="19"/>
      <c r="T53" s="19">
        <f t="shared" si="70"/>
        <v>0.1</v>
      </c>
    </row>
    <row r="54" spans="1:20">
      <c r="A54" s="39" t="s">
        <v>242</v>
      </c>
      <c r="B54" s="56" t="s">
        <v>243</v>
      </c>
      <c r="C54" s="39" t="s">
        <v>187</v>
      </c>
      <c r="D54" s="56">
        <v>1</v>
      </c>
      <c r="E54" s="34">
        <f t="shared" ref="E54:E61" si="79">ROUND(O54/(1-($N$4+$N$2)),2)</f>
        <v>17.100000000000001</v>
      </c>
      <c r="F54" s="373">
        <f t="shared" ref="F54:F61" si="80">ROUND(P54/(1-($N$5+$N$3)),2)</f>
        <v>5.6</v>
      </c>
      <c r="G54" s="34">
        <f t="shared" si="64"/>
        <v>22.700000000000003</v>
      </c>
      <c r="H54" s="16">
        <f t="shared" si="65"/>
        <v>17.100000000000001</v>
      </c>
      <c r="I54" s="16">
        <f t="shared" si="66"/>
        <v>5.6</v>
      </c>
      <c r="J54" s="16">
        <f t="shared" si="67"/>
        <v>22.700000000000003</v>
      </c>
      <c r="K54" s="371"/>
      <c r="L54" s="364"/>
      <c r="M54" s="85">
        <v>9.39</v>
      </c>
      <c r="N54" s="375">
        <v>3.18</v>
      </c>
      <c r="O54" s="16">
        <f t="shared" si="68"/>
        <v>10.43</v>
      </c>
      <c r="P54" s="16">
        <f t="shared" si="69"/>
        <v>3.53</v>
      </c>
      <c r="Q54" s="19"/>
      <c r="R54" s="19"/>
      <c r="S54" s="19"/>
      <c r="T54" s="19">
        <f t="shared" si="70"/>
        <v>0.1</v>
      </c>
    </row>
    <row r="55" spans="1:20">
      <c r="A55" s="39" t="s">
        <v>244</v>
      </c>
      <c r="B55" s="56" t="s">
        <v>245</v>
      </c>
      <c r="C55" s="39" t="s">
        <v>187</v>
      </c>
      <c r="D55" s="56">
        <v>1</v>
      </c>
      <c r="E55" s="34">
        <f t="shared" si="79"/>
        <v>33.700000000000003</v>
      </c>
      <c r="F55" s="373">
        <f t="shared" si="80"/>
        <v>5.6</v>
      </c>
      <c r="G55" s="34">
        <f t="shared" si="64"/>
        <v>39.300000000000004</v>
      </c>
      <c r="H55" s="16">
        <f t="shared" si="65"/>
        <v>33.700000000000003</v>
      </c>
      <c r="I55" s="16">
        <f t="shared" si="66"/>
        <v>5.6</v>
      </c>
      <c r="J55" s="16">
        <f t="shared" si="67"/>
        <v>39.300000000000004</v>
      </c>
      <c r="K55" s="371"/>
      <c r="L55" s="364"/>
      <c r="M55" s="85">
        <v>18.5</v>
      </c>
      <c r="N55" s="375">
        <v>3.18</v>
      </c>
      <c r="O55" s="16">
        <f t="shared" si="68"/>
        <v>20.56</v>
      </c>
      <c r="P55" s="16">
        <f t="shared" si="69"/>
        <v>3.53</v>
      </c>
      <c r="Q55" s="19"/>
      <c r="R55" s="19"/>
      <c r="S55" s="19"/>
      <c r="T55" s="19">
        <f t="shared" si="70"/>
        <v>0.1</v>
      </c>
    </row>
    <row r="56" spans="1:20">
      <c r="A56" s="39" t="s">
        <v>246</v>
      </c>
      <c r="B56" s="56" t="s">
        <v>247</v>
      </c>
      <c r="C56" s="39" t="s">
        <v>187</v>
      </c>
      <c r="D56" s="56">
        <v>1</v>
      </c>
      <c r="E56" s="34">
        <f t="shared" si="79"/>
        <v>17.36</v>
      </c>
      <c r="F56" s="373">
        <f t="shared" si="80"/>
        <v>9.83</v>
      </c>
      <c r="G56" s="34">
        <f t="shared" si="64"/>
        <v>27.189999999999998</v>
      </c>
      <c r="H56" s="16">
        <f t="shared" si="65"/>
        <v>17.36</v>
      </c>
      <c r="I56" s="16">
        <f t="shared" si="66"/>
        <v>9.83</v>
      </c>
      <c r="J56" s="16">
        <f t="shared" si="67"/>
        <v>27.189999999999998</v>
      </c>
      <c r="K56" s="371"/>
      <c r="L56" s="364"/>
      <c r="M56" s="85">
        <v>9.5299999999999994</v>
      </c>
      <c r="N56" s="374">
        <v>5.57</v>
      </c>
      <c r="O56" s="16">
        <f t="shared" si="68"/>
        <v>10.59</v>
      </c>
      <c r="P56" s="16">
        <f t="shared" si="69"/>
        <v>6.19</v>
      </c>
      <c r="Q56" s="19"/>
      <c r="R56" s="19"/>
      <c r="S56" s="19"/>
      <c r="T56" s="19">
        <f t="shared" si="70"/>
        <v>0.1</v>
      </c>
    </row>
    <row r="57" spans="1:20">
      <c r="A57" s="39" t="s">
        <v>248</v>
      </c>
      <c r="B57" s="56" t="s">
        <v>249</v>
      </c>
      <c r="C57" s="39" t="s">
        <v>187</v>
      </c>
      <c r="D57" s="56">
        <v>1</v>
      </c>
      <c r="E57" s="34">
        <f t="shared" ref="E57" si="81">ROUND(O57/(1-($N$4+$N$2)),2)</f>
        <v>18.899999999999999</v>
      </c>
      <c r="F57" s="373">
        <f t="shared" ref="F57" si="82">ROUND(P57/(1-($N$5+$N$3)),2)</f>
        <v>9.83</v>
      </c>
      <c r="G57" s="34">
        <f t="shared" ref="G57" si="83">E57+F57</f>
        <v>28.729999999999997</v>
      </c>
      <c r="H57" s="16">
        <f t="shared" ref="H57" si="84">ROUND(D57*E57,2)</f>
        <v>18.899999999999999</v>
      </c>
      <c r="I57" s="16">
        <f t="shared" ref="I57" si="85">ROUND(D57*F57,2)</f>
        <v>9.83</v>
      </c>
      <c r="J57" s="16">
        <f t="shared" ref="J57" si="86">H57+I57</f>
        <v>28.729999999999997</v>
      </c>
      <c r="K57" s="371"/>
      <c r="L57" s="364"/>
      <c r="M57" s="85">
        <v>10.38</v>
      </c>
      <c r="N57" s="374">
        <v>5.57</v>
      </c>
      <c r="O57" s="16">
        <f t="shared" ref="O57" si="87">ROUND((M57/(1-(Q57+R57+S57+T57))),2)</f>
        <v>11.53</v>
      </c>
      <c r="P57" s="16">
        <f t="shared" ref="P57" si="88">ROUND((N57/(1-(T57))),2)</f>
        <v>6.19</v>
      </c>
      <c r="Q57" s="19"/>
      <c r="R57" s="19"/>
      <c r="S57" s="19"/>
      <c r="T57" s="19">
        <f t="shared" si="70"/>
        <v>0.1</v>
      </c>
    </row>
    <row r="58" spans="1:20">
      <c r="A58" s="39" t="s">
        <v>250</v>
      </c>
      <c r="B58" s="56" t="s">
        <v>251</v>
      </c>
      <c r="C58" s="39" t="s">
        <v>169</v>
      </c>
      <c r="D58" s="56">
        <v>1</v>
      </c>
      <c r="E58" s="34">
        <f t="shared" si="79"/>
        <v>910.75</v>
      </c>
      <c r="F58" s="373">
        <f t="shared" si="80"/>
        <v>0</v>
      </c>
      <c r="G58" s="34">
        <f t="shared" si="64"/>
        <v>910.75</v>
      </c>
      <c r="H58" s="16">
        <f t="shared" si="65"/>
        <v>910.75</v>
      </c>
      <c r="I58" s="16">
        <f t="shared" si="66"/>
        <v>0</v>
      </c>
      <c r="J58" s="16">
        <f t="shared" si="67"/>
        <v>910.75</v>
      </c>
      <c r="K58" s="371"/>
      <c r="L58" s="364"/>
      <c r="M58" s="85">
        <v>500</v>
      </c>
      <c r="N58" s="374"/>
      <c r="O58" s="16">
        <f t="shared" si="68"/>
        <v>555.55999999999995</v>
      </c>
      <c r="P58" s="16">
        <f t="shared" si="69"/>
        <v>0</v>
      </c>
      <c r="Q58" s="19"/>
      <c r="R58" s="19"/>
      <c r="S58" s="19"/>
      <c r="T58" s="19">
        <f t="shared" si="70"/>
        <v>0.1</v>
      </c>
    </row>
    <row r="59" spans="1:20">
      <c r="A59" s="39"/>
      <c r="B59" s="52"/>
      <c r="C59" s="39"/>
      <c r="D59" s="39"/>
      <c r="E59" s="34"/>
      <c r="F59" s="373"/>
      <c r="G59" s="34"/>
      <c r="H59" s="16"/>
      <c r="I59" s="16"/>
      <c r="J59" s="16"/>
      <c r="K59" s="371"/>
      <c r="L59" s="364"/>
      <c r="M59" s="85"/>
      <c r="N59" s="31"/>
      <c r="O59" s="16"/>
      <c r="P59" s="16"/>
      <c r="Q59" s="19"/>
      <c r="R59" s="19"/>
      <c r="S59" s="19"/>
      <c r="T59" s="19"/>
    </row>
    <row r="60" spans="1:20" ht="12.75" customHeight="1">
      <c r="A60" s="66" t="s">
        <v>252</v>
      </c>
      <c r="B60" s="65" t="s">
        <v>184</v>
      </c>
      <c r="C60" s="66"/>
      <c r="D60" s="67"/>
      <c r="E60" s="68"/>
      <c r="F60" s="68"/>
      <c r="G60" s="68"/>
      <c r="H60" s="69"/>
      <c r="I60" s="69"/>
      <c r="J60" s="69"/>
      <c r="K60" s="70">
        <f>SUM(J60:J86)</f>
        <v>28891.270000000004</v>
      </c>
      <c r="L60" s="364"/>
      <c r="M60" s="85"/>
      <c r="N60" s="372"/>
      <c r="O60" s="16">
        <f t="shared" ref="O60" si="89">ROUND((M60/(1-(Q60+R60+S60+T60))),2)</f>
        <v>0</v>
      </c>
      <c r="P60" s="16">
        <f>ROUND((N60/(1-(Q60+R60+S60+T60))),2)</f>
        <v>0</v>
      </c>
      <c r="Q60" s="19"/>
      <c r="R60" s="19"/>
      <c r="S60" s="19"/>
      <c r="T60" s="19">
        <f t="shared" ref="T60" si="90">$O$3</f>
        <v>0.1</v>
      </c>
    </row>
    <row r="61" spans="1:20">
      <c r="A61" s="39" t="s">
        <v>253</v>
      </c>
      <c r="B61" s="56" t="s">
        <v>254</v>
      </c>
      <c r="C61" s="56" t="s">
        <v>200</v>
      </c>
      <c r="D61" s="56">
        <v>56.33</v>
      </c>
      <c r="E61" s="34">
        <f t="shared" si="79"/>
        <v>16.43</v>
      </c>
      <c r="F61" s="373">
        <f t="shared" si="80"/>
        <v>4.78</v>
      </c>
      <c r="G61" s="34">
        <f t="shared" si="64"/>
        <v>21.21</v>
      </c>
      <c r="H61" s="16">
        <f t="shared" si="65"/>
        <v>925.5</v>
      </c>
      <c r="I61" s="16">
        <f t="shared" si="66"/>
        <v>269.26</v>
      </c>
      <c r="J61" s="16">
        <f t="shared" si="67"/>
        <v>1194.76</v>
      </c>
      <c r="K61" s="371"/>
      <c r="L61" s="364"/>
      <c r="M61" s="85">
        <v>9.02</v>
      </c>
      <c r="N61" s="374">
        <v>2.71</v>
      </c>
      <c r="O61" s="16">
        <f t="shared" si="68"/>
        <v>10.02</v>
      </c>
      <c r="P61" s="16">
        <f t="shared" si="69"/>
        <v>3.01</v>
      </c>
      <c r="Q61" s="19"/>
      <c r="R61" s="19"/>
      <c r="S61" s="19"/>
      <c r="T61" s="19">
        <f t="shared" ref="T61:T86" si="91">$O$3</f>
        <v>0.1</v>
      </c>
    </row>
    <row r="62" spans="1:20">
      <c r="A62" s="39" t="s">
        <v>255</v>
      </c>
      <c r="B62" s="56" t="s">
        <v>256</v>
      </c>
      <c r="C62" s="56" t="s">
        <v>200</v>
      </c>
      <c r="D62" s="56">
        <v>18.78</v>
      </c>
      <c r="E62" s="34">
        <f>ROUND(O62/(1-($N$4+$N$2)),2)</f>
        <v>16.43</v>
      </c>
      <c r="F62" s="373">
        <f>ROUND(P62/(1-($N$5+$N$3)),2)</f>
        <v>4.78</v>
      </c>
      <c r="G62" s="34">
        <f t="shared" si="64"/>
        <v>21.21</v>
      </c>
      <c r="H62" s="16">
        <f t="shared" si="65"/>
        <v>308.56</v>
      </c>
      <c r="I62" s="16">
        <f t="shared" si="66"/>
        <v>89.77</v>
      </c>
      <c r="J62" s="16">
        <f t="shared" si="67"/>
        <v>398.33</v>
      </c>
      <c r="K62" s="371"/>
      <c r="L62" s="364"/>
      <c r="M62" s="85">
        <v>9.02</v>
      </c>
      <c r="N62" s="374">
        <v>2.71</v>
      </c>
      <c r="O62" s="16">
        <f t="shared" si="68"/>
        <v>10.02</v>
      </c>
      <c r="P62" s="16">
        <f t="shared" si="69"/>
        <v>3.01</v>
      </c>
      <c r="Q62" s="19"/>
      <c r="R62" s="19"/>
      <c r="S62" s="19"/>
      <c r="T62" s="19">
        <f t="shared" si="91"/>
        <v>0.1</v>
      </c>
    </row>
    <row r="63" spans="1:20">
      <c r="A63" s="39" t="s">
        <v>257</v>
      </c>
      <c r="B63" s="56" t="s">
        <v>258</v>
      </c>
      <c r="C63" s="56" t="s">
        <v>200</v>
      </c>
      <c r="D63" s="56">
        <v>18.78</v>
      </c>
      <c r="E63" s="34">
        <f>ROUND(O63/(1-($N$4+$N$2)),2)</f>
        <v>16.43</v>
      </c>
      <c r="F63" s="373">
        <f>ROUND(P63/(1-($N$5+$N$3)),2)</f>
        <v>4.78</v>
      </c>
      <c r="G63" s="34">
        <f t="shared" si="64"/>
        <v>21.21</v>
      </c>
      <c r="H63" s="16">
        <f t="shared" si="65"/>
        <v>308.56</v>
      </c>
      <c r="I63" s="16">
        <f t="shared" si="66"/>
        <v>89.77</v>
      </c>
      <c r="J63" s="16">
        <f t="shared" si="67"/>
        <v>398.33</v>
      </c>
      <c r="K63" s="371"/>
      <c r="L63" s="364"/>
      <c r="M63" s="85">
        <v>9.02</v>
      </c>
      <c r="N63" s="374">
        <v>2.71</v>
      </c>
      <c r="O63" s="16">
        <f t="shared" si="68"/>
        <v>10.02</v>
      </c>
      <c r="P63" s="16">
        <f t="shared" si="69"/>
        <v>3.01</v>
      </c>
      <c r="Q63" s="19"/>
      <c r="R63" s="19"/>
      <c r="S63" s="19"/>
      <c r="T63" s="19">
        <f t="shared" si="91"/>
        <v>0.1</v>
      </c>
    </row>
    <row r="64" spans="1:20">
      <c r="A64" s="39" t="s">
        <v>259</v>
      </c>
      <c r="B64" s="56" t="s">
        <v>260</v>
      </c>
      <c r="C64" s="56" t="s">
        <v>187</v>
      </c>
      <c r="D64" s="56">
        <v>9</v>
      </c>
      <c r="E64" s="34">
        <f>ROUND(O64/(1-($N$4+$N$2)),2)</f>
        <v>59.93</v>
      </c>
      <c r="F64" s="373">
        <f>ROUND(P64/(1-($N$5+$N$3)),2)</f>
        <v>22.11</v>
      </c>
      <c r="G64" s="34">
        <f t="shared" si="64"/>
        <v>82.039999999999992</v>
      </c>
      <c r="H64" s="16">
        <f t="shared" si="65"/>
        <v>539.37</v>
      </c>
      <c r="I64" s="16">
        <f t="shared" si="66"/>
        <v>198.99</v>
      </c>
      <c r="J64" s="16">
        <f t="shared" si="67"/>
        <v>738.36</v>
      </c>
      <c r="K64" s="371"/>
      <c r="L64" s="364"/>
      <c r="M64" s="85">
        <v>32.9</v>
      </c>
      <c r="N64" s="374">
        <v>12.54</v>
      </c>
      <c r="O64" s="16">
        <f t="shared" si="68"/>
        <v>36.56</v>
      </c>
      <c r="P64" s="16">
        <f t="shared" si="69"/>
        <v>13.93</v>
      </c>
      <c r="Q64" s="19"/>
      <c r="R64" s="19"/>
      <c r="S64" s="19"/>
      <c r="T64" s="19">
        <f t="shared" si="91"/>
        <v>0.1</v>
      </c>
    </row>
    <row r="65" spans="1:20">
      <c r="A65" s="39" t="s">
        <v>261</v>
      </c>
      <c r="B65" s="56" t="s">
        <v>262</v>
      </c>
      <c r="C65" s="56" t="s">
        <v>187</v>
      </c>
      <c r="D65" s="56">
        <v>10</v>
      </c>
      <c r="E65" s="34">
        <f>ROUND(O65/(1-($N$4+$N$2)),2)</f>
        <v>59.93</v>
      </c>
      <c r="F65" s="373">
        <f>ROUND(P65/(1-($N$5+$N$3)),2)</f>
        <v>22.11</v>
      </c>
      <c r="G65" s="34">
        <f t="shared" si="64"/>
        <v>82.039999999999992</v>
      </c>
      <c r="H65" s="16">
        <f t="shared" si="65"/>
        <v>599.29999999999995</v>
      </c>
      <c r="I65" s="16">
        <f t="shared" si="66"/>
        <v>221.1</v>
      </c>
      <c r="J65" s="16">
        <f t="shared" si="67"/>
        <v>820.4</v>
      </c>
      <c r="K65" s="371"/>
      <c r="L65" s="364"/>
      <c r="M65" s="85">
        <v>32.9</v>
      </c>
      <c r="N65" s="374">
        <v>12.54</v>
      </c>
      <c r="O65" s="16">
        <f t="shared" si="68"/>
        <v>36.56</v>
      </c>
      <c r="P65" s="16">
        <f t="shared" si="69"/>
        <v>13.93</v>
      </c>
      <c r="Q65" s="19"/>
      <c r="R65" s="19"/>
      <c r="S65" s="19"/>
      <c r="T65" s="19">
        <f t="shared" si="91"/>
        <v>0.1</v>
      </c>
    </row>
    <row r="66" spans="1:20">
      <c r="A66" s="39" t="s">
        <v>263</v>
      </c>
      <c r="B66" s="56" t="s">
        <v>264</v>
      </c>
      <c r="C66" s="56" t="s">
        <v>187</v>
      </c>
      <c r="D66" s="56">
        <v>4</v>
      </c>
      <c r="E66" s="34">
        <f>ROUND(O66/(1-($N$4+$N$2)),2)</f>
        <v>59.93</v>
      </c>
      <c r="F66" s="373">
        <f>ROUND(P66/(1-($N$5+$N$3)),2)</f>
        <v>22.11</v>
      </c>
      <c r="G66" s="34">
        <f t="shared" si="64"/>
        <v>82.039999999999992</v>
      </c>
      <c r="H66" s="16">
        <f t="shared" si="65"/>
        <v>239.72</v>
      </c>
      <c r="I66" s="16">
        <f t="shared" si="66"/>
        <v>88.44</v>
      </c>
      <c r="J66" s="16">
        <f t="shared" si="67"/>
        <v>328.15999999999997</v>
      </c>
      <c r="K66" s="371"/>
      <c r="L66" s="364"/>
      <c r="M66" s="85">
        <v>32.9</v>
      </c>
      <c r="N66" s="374">
        <v>12.54</v>
      </c>
      <c r="O66" s="16">
        <f t="shared" si="68"/>
        <v>36.56</v>
      </c>
      <c r="P66" s="16">
        <f t="shared" si="69"/>
        <v>13.93</v>
      </c>
      <c r="Q66" s="19"/>
      <c r="R66" s="19"/>
      <c r="S66" s="19"/>
      <c r="T66" s="19">
        <f t="shared" si="91"/>
        <v>0.1</v>
      </c>
    </row>
    <row r="67" spans="1:20">
      <c r="A67" s="39" t="s">
        <v>265</v>
      </c>
      <c r="B67" s="56" t="s">
        <v>266</v>
      </c>
      <c r="C67" s="56" t="s">
        <v>187</v>
      </c>
      <c r="D67" s="56">
        <v>1</v>
      </c>
      <c r="E67" s="34">
        <f t="shared" ref="E67:E71" si="92">ROUND(O67/(1-($N$4+$N$2)),2)</f>
        <v>133.51</v>
      </c>
      <c r="F67" s="373">
        <f t="shared" ref="F67:F71" si="93">ROUND(P67/(1-($N$5+$N$3)),2)</f>
        <v>28.08</v>
      </c>
      <c r="G67" s="34">
        <f t="shared" si="64"/>
        <v>161.58999999999997</v>
      </c>
      <c r="H67" s="16">
        <f t="shared" si="65"/>
        <v>133.51</v>
      </c>
      <c r="I67" s="16">
        <f t="shared" si="66"/>
        <v>28.08</v>
      </c>
      <c r="J67" s="16">
        <f t="shared" si="67"/>
        <v>161.58999999999997</v>
      </c>
      <c r="K67" s="371"/>
      <c r="L67" s="364"/>
      <c r="M67" s="85">
        <v>73.3</v>
      </c>
      <c r="N67" s="374">
        <v>15.92</v>
      </c>
      <c r="O67" s="16">
        <f t="shared" si="68"/>
        <v>81.44</v>
      </c>
      <c r="P67" s="16">
        <f t="shared" si="69"/>
        <v>17.690000000000001</v>
      </c>
      <c r="Q67" s="19"/>
      <c r="R67" s="19"/>
      <c r="S67" s="19"/>
      <c r="T67" s="19">
        <f t="shared" si="91"/>
        <v>0.1</v>
      </c>
    </row>
    <row r="68" spans="1:20">
      <c r="A68" s="39" t="s">
        <v>267</v>
      </c>
      <c r="B68" s="56" t="s">
        <v>268</v>
      </c>
      <c r="C68" s="56" t="s">
        <v>187</v>
      </c>
      <c r="D68" s="56">
        <v>2</v>
      </c>
      <c r="E68" s="34">
        <f t="shared" si="92"/>
        <v>145.72</v>
      </c>
      <c r="F68" s="373">
        <f t="shared" si="93"/>
        <v>43.02</v>
      </c>
      <c r="G68" s="34">
        <f t="shared" si="64"/>
        <v>188.74</v>
      </c>
      <c r="H68" s="16">
        <f t="shared" si="65"/>
        <v>291.44</v>
      </c>
      <c r="I68" s="16">
        <f t="shared" si="66"/>
        <v>86.04</v>
      </c>
      <c r="J68" s="16">
        <f t="shared" si="67"/>
        <v>377.48</v>
      </c>
      <c r="K68" s="371"/>
      <c r="L68" s="364"/>
      <c r="M68" s="85">
        <v>80</v>
      </c>
      <c r="N68" s="375">
        <v>24.39</v>
      </c>
      <c r="O68" s="16">
        <f t="shared" si="68"/>
        <v>88.89</v>
      </c>
      <c r="P68" s="16">
        <f t="shared" si="69"/>
        <v>27.1</v>
      </c>
      <c r="Q68" s="19"/>
      <c r="R68" s="19"/>
      <c r="S68" s="19"/>
      <c r="T68" s="19">
        <f t="shared" si="91"/>
        <v>0.1</v>
      </c>
    </row>
    <row r="69" spans="1:20">
      <c r="A69" s="39" t="s">
        <v>269</v>
      </c>
      <c r="B69" s="56" t="s">
        <v>270</v>
      </c>
      <c r="C69" s="56" t="s">
        <v>187</v>
      </c>
      <c r="D69" s="56">
        <v>2</v>
      </c>
      <c r="E69" s="34">
        <f t="shared" si="92"/>
        <v>91.26</v>
      </c>
      <c r="F69" s="373">
        <f t="shared" si="93"/>
        <v>28.08</v>
      </c>
      <c r="G69" s="34">
        <f t="shared" si="64"/>
        <v>119.34</v>
      </c>
      <c r="H69" s="16">
        <f t="shared" si="65"/>
        <v>182.52</v>
      </c>
      <c r="I69" s="16">
        <f t="shared" si="66"/>
        <v>56.16</v>
      </c>
      <c r="J69" s="16">
        <f t="shared" si="67"/>
        <v>238.68</v>
      </c>
      <c r="K69" s="371"/>
      <c r="L69" s="364"/>
      <c r="M69" s="85">
        <v>50.1</v>
      </c>
      <c r="N69" s="374">
        <v>15.92</v>
      </c>
      <c r="O69" s="16">
        <f t="shared" si="68"/>
        <v>55.67</v>
      </c>
      <c r="P69" s="16">
        <f t="shared" si="69"/>
        <v>17.690000000000001</v>
      </c>
      <c r="Q69" s="19"/>
      <c r="R69" s="19"/>
      <c r="S69" s="19"/>
      <c r="T69" s="19">
        <f t="shared" si="91"/>
        <v>0.1</v>
      </c>
    </row>
    <row r="70" spans="1:20">
      <c r="A70" s="39" t="s">
        <v>68</v>
      </c>
      <c r="B70" s="56" t="s">
        <v>271</v>
      </c>
      <c r="C70" s="56" t="s">
        <v>187</v>
      </c>
      <c r="D70" s="56">
        <v>3</v>
      </c>
      <c r="E70" s="34">
        <f t="shared" si="92"/>
        <v>142.08000000000001</v>
      </c>
      <c r="F70" s="373">
        <f t="shared" si="93"/>
        <v>9.6999999999999993</v>
      </c>
      <c r="G70" s="34">
        <f t="shared" si="64"/>
        <v>151.78</v>
      </c>
      <c r="H70" s="16">
        <f t="shared" si="65"/>
        <v>426.24</v>
      </c>
      <c r="I70" s="16">
        <f t="shared" si="66"/>
        <v>29.1</v>
      </c>
      <c r="J70" s="16">
        <f t="shared" si="67"/>
        <v>455.34000000000003</v>
      </c>
      <c r="K70" s="371"/>
      <c r="L70" s="364"/>
      <c r="M70" s="85">
        <v>78</v>
      </c>
      <c r="N70" s="374">
        <v>5.5</v>
      </c>
      <c r="O70" s="16">
        <f t="shared" si="68"/>
        <v>86.67</v>
      </c>
      <c r="P70" s="16">
        <f t="shared" si="69"/>
        <v>6.11</v>
      </c>
      <c r="Q70" s="19"/>
      <c r="R70" s="19"/>
      <c r="S70" s="19"/>
      <c r="T70" s="19">
        <f t="shared" si="91"/>
        <v>0.1</v>
      </c>
    </row>
    <row r="71" spans="1:20">
      <c r="A71" s="39" t="s">
        <v>70</v>
      </c>
      <c r="B71" s="56" t="s">
        <v>272</v>
      </c>
      <c r="C71" s="56" t="s">
        <v>200</v>
      </c>
      <c r="D71" s="56">
        <v>183.24</v>
      </c>
      <c r="E71" s="34">
        <f t="shared" si="92"/>
        <v>4.05</v>
      </c>
      <c r="F71" s="373">
        <f t="shared" si="93"/>
        <v>3.65</v>
      </c>
      <c r="G71" s="34">
        <f t="shared" si="64"/>
        <v>7.6999999999999993</v>
      </c>
      <c r="H71" s="16">
        <f t="shared" si="65"/>
        <v>742.12</v>
      </c>
      <c r="I71" s="16">
        <f t="shared" si="66"/>
        <v>668.83</v>
      </c>
      <c r="J71" s="16">
        <f t="shared" si="67"/>
        <v>1410.95</v>
      </c>
      <c r="K71" s="371"/>
      <c r="L71" s="364"/>
      <c r="M71" s="85">
        <v>2.2200000000000002</v>
      </c>
      <c r="N71" s="374">
        <v>2.0699999999999998</v>
      </c>
      <c r="O71" s="16">
        <f t="shared" si="68"/>
        <v>2.4700000000000002</v>
      </c>
      <c r="P71" s="16">
        <f t="shared" si="69"/>
        <v>2.2999999999999998</v>
      </c>
      <c r="Q71" s="19"/>
      <c r="R71" s="19"/>
      <c r="S71" s="19"/>
      <c r="T71" s="19">
        <f t="shared" si="91"/>
        <v>0.1</v>
      </c>
    </row>
    <row r="72" spans="1:20">
      <c r="A72" s="39" t="s">
        <v>73</v>
      </c>
      <c r="B72" s="56" t="s">
        <v>273</v>
      </c>
      <c r="C72" s="56" t="s">
        <v>200</v>
      </c>
      <c r="D72" s="56">
        <v>9.93</v>
      </c>
      <c r="E72" s="34">
        <f>ROUND(O72/(1-($N$4+$N$2)),2)</f>
        <v>12.36</v>
      </c>
      <c r="F72" s="373">
        <f>ROUND(P72/(1-($N$5+$N$3)),2)</f>
        <v>4.22</v>
      </c>
      <c r="G72" s="34">
        <f t="shared" si="64"/>
        <v>16.579999999999998</v>
      </c>
      <c r="H72" s="16">
        <f t="shared" si="65"/>
        <v>122.73</v>
      </c>
      <c r="I72" s="16">
        <f t="shared" si="66"/>
        <v>41.9</v>
      </c>
      <c r="J72" s="16">
        <f t="shared" si="67"/>
        <v>164.63</v>
      </c>
      <c r="K72" s="371"/>
      <c r="L72" s="364"/>
      <c r="M72" s="85">
        <v>6.79</v>
      </c>
      <c r="N72" s="374">
        <v>2.39</v>
      </c>
      <c r="O72" s="16">
        <f t="shared" si="68"/>
        <v>7.54</v>
      </c>
      <c r="P72" s="16">
        <f t="shared" si="69"/>
        <v>2.66</v>
      </c>
      <c r="Q72" s="19"/>
      <c r="R72" s="19"/>
      <c r="S72" s="19"/>
      <c r="T72" s="19">
        <f t="shared" si="91"/>
        <v>0.1</v>
      </c>
    </row>
    <row r="73" spans="1:20">
      <c r="A73" s="39" t="s">
        <v>76</v>
      </c>
      <c r="B73" s="61" t="s">
        <v>274</v>
      </c>
      <c r="C73" s="56" t="s">
        <v>200</v>
      </c>
      <c r="D73" s="56">
        <v>199.3</v>
      </c>
      <c r="E73" s="34">
        <f>ROUND(O73/(1-($N$4+$N$2)),2)</f>
        <v>6.07</v>
      </c>
      <c r="F73" s="373">
        <f>ROUND(P73/(1-($N$5+$N$3)),2)</f>
        <v>3.65</v>
      </c>
      <c r="G73" s="34">
        <f t="shared" si="64"/>
        <v>9.7200000000000006</v>
      </c>
      <c r="H73" s="16">
        <f t="shared" si="65"/>
        <v>1209.75</v>
      </c>
      <c r="I73" s="16">
        <f t="shared" si="66"/>
        <v>727.45</v>
      </c>
      <c r="J73" s="16">
        <f t="shared" si="67"/>
        <v>1937.2</v>
      </c>
      <c r="K73" s="371"/>
      <c r="L73" s="364"/>
      <c r="M73" s="85">
        <v>3.33</v>
      </c>
      <c r="N73" s="375">
        <v>2.0699999999999998</v>
      </c>
      <c r="O73" s="16">
        <f t="shared" si="68"/>
        <v>3.7</v>
      </c>
      <c r="P73" s="16">
        <f t="shared" si="69"/>
        <v>2.2999999999999998</v>
      </c>
      <c r="Q73" s="19"/>
      <c r="R73" s="19"/>
      <c r="S73" s="19"/>
      <c r="T73" s="19">
        <f t="shared" si="91"/>
        <v>0.1</v>
      </c>
    </row>
    <row r="74" spans="1:20">
      <c r="A74" s="39" t="s">
        <v>78</v>
      </c>
      <c r="B74" s="56" t="s">
        <v>275</v>
      </c>
      <c r="C74" s="56" t="s">
        <v>200</v>
      </c>
      <c r="D74" s="56">
        <v>460.33</v>
      </c>
      <c r="E74" s="34">
        <f>ROUND(O74/(1-($N$4+$N$2)),2)</f>
        <v>2.8</v>
      </c>
      <c r="F74" s="373">
        <f>ROUND(P74/(1-($N$5+$N$3)),2)</f>
        <v>3.65</v>
      </c>
      <c r="G74" s="34">
        <f t="shared" si="64"/>
        <v>6.4499999999999993</v>
      </c>
      <c r="H74" s="16">
        <f t="shared" si="65"/>
        <v>1288.92</v>
      </c>
      <c r="I74" s="16">
        <f t="shared" si="66"/>
        <v>1680.2</v>
      </c>
      <c r="J74" s="16">
        <f t="shared" si="67"/>
        <v>2969.12</v>
      </c>
      <c r="K74" s="371"/>
      <c r="L74" s="364"/>
      <c r="M74" s="85">
        <v>1.54</v>
      </c>
      <c r="N74" s="374">
        <v>2.0699999999999998</v>
      </c>
      <c r="O74" s="16">
        <f t="shared" si="68"/>
        <v>1.71</v>
      </c>
      <c r="P74" s="16">
        <f t="shared" si="69"/>
        <v>2.2999999999999998</v>
      </c>
      <c r="Q74" s="19"/>
      <c r="R74" s="19"/>
      <c r="S74" s="19"/>
      <c r="T74" s="19">
        <f t="shared" si="91"/>
        <v>0.1</v>
      </c>
    </row>
    <row r="75" spans="1:20">
      <c r="A75" s="39" t="s">
        <v>80</v>
      </c>
      <c r="B75" s="56" t="s">
        <v>276</v>
      </c>
      <c r="C75" s="56" t="s">
        <v>200</v>
      </c>
      <c r="D75" s="56">
        <v>265.06</v>
      </c>
      <c r="E75" s="34">
        <f>ROUND(O75/(1-($N$4+$N$2)),2)</f>
        <v>1.69</v>
      </c>
      <c r="F75" s="373">
        <f>ROUND(P75/(1-($N$5+$N$3)),2)</f>
        <v>3.65</v>
      </c>
      <c r="G75" s="34">
        <f t="shared" si="64"/>
        <v>5.34</v>
      </c>
      <c r="H75" s="16">
        <f t="shared" si="65"/>
        <v>447.95</v>
      </c>
      <c r="I75" s="16">
        <f t="shared" si="66"/>
        <v>967.47</v>
      </c>
      <c r="J75" s="16">
        <f t="shared" si="67"/>
        <v>1415.42</v>
      </c>
      <c r="K75" s="371"/>
      <c r="L75" s="364"/>
      <c r="M75" s="85">
        <v>0.93</v>
      </c>
      <c r="N75" s="374">
        <v>2.0699999999999998</v>
      </c>
      <c r="O75" s="16">
        <f t="shared" si="68"/>
        <v>1.03</v>
      </c>
      <c r="P75" s="16">
        <f t="shared" si="69"/>
        <v>2.2999999999999998</v>
      </c>
      <c r="Q75" s="19"/>
      <c r="R75" s="19"/>
      <c r="S75" s="19"/>
      <c r="T75" s="19">
        <f t="shared" si="91"/>
        <v>0.1</v>
      </c>
    </row>
    <row r="76" spans="1:20">
      <c r="A76" s="39" t="s">
        <v>83</v>
      </c>
      <c r="B76" s="56" t="s">
        <v>277</v>
      </c>
      <c r="C76" s="56" t="s">
        <v>200</v>
      </c>
      <c r="D76" s="56">
        <v>3.31</v>
      </c>
      <c r="E76" s="34">
        <f>ROUND(O76/(1-($N$4+$N$2)),2)</f>
        <v>12.36</v>
      </c>
      <c r="F76" s="373">
        <f>ROUND(P76/(1-($N$5+$N$3)),2)</f>
        <v>4.22</v>
      </c>
      <c r="G76" s="34">
        <f t="shared" ref="G76:G85" si="94">E76+F76</f>
        <v>16.579999999999998</v>
      </c>
      <c r="H76" s="16">
        <f t="shared" ref="H76:H85" si="95">ROUND(D76*E76,2)</f>
        <v>40.909999999999997</v>
      </c>
      <c r="I76" s="16">
        <f t="shared" ref="I76:I85" si="96">ROUND(D76*F76,2)</f>
        <v>13.97</v>
      </c>
      <c r="J76" s="16">
        <f t="shared" ref="J76:J85" si="97">H76+I76</f>
        <v>54.879999999999995</v>
      </c>
      <c r="K76" s="371"/>
      <c r="L76" s="364"/>
      <c r="M76" s="85">
        <v>6.79</v>
      </c>
      <c r="N76" s="374">
        <v>2.39</v>
      </c>
      <c r="O76" s="16">
        <f t="shared" ref="O76:O85" si="98">ROUND((M76/(1-(Q76+R76+S76+T76))),2)</f>
        <v>7.54</v>
      </c>
      <c r="P76" s="16">
        <f t="shared" ref="P76:P85" si="99">ROUND((N76/(1-(T76))),2)</f>
        <v>2.66</v>
      </c>
      <c r="Q76" s="19"/>
      <c r="R76" s="19"/>
      <c r="S76" s="19"/>
      <c r="T76" s="19">
        <f t="shared" si="91"/>
        <v>0.1</v>
      </c>
    </row>
    <row r="77" spans="1:20">
      <c r="A77" s="39" t="s">
        <v>84</v>
      </c>
      <c r="B77" s="56" t="s">
        <v>278</v>
      </c>
      <c r="C77" s="56" t="s">
        <v>200</v>
      </c>
      <c r="D77" s="56">
        <v>66.430000000000007</v>
      </c>
      <c r="E77" s="34">
        <f t="shared" ref="E77:E81" si="100">ROUND(O77/(1-($N$4+$N$2)),2)</f>
        <v>6.07</v>
      </c>
      <c r="F77" s="373">
        <f t="shared" ref="F77:F81" si="101">ROUND(P77/(1-($N$5+$N$3)),2)</f>
        <v>3.65</v>
      </c>
      <c r="G77" s="34">
        <f t="shared" si="94"/>
        <v>9.7200000000000006</v>
      </c>
      <c r="H77" s="16">
        <f t="shared" si="95"/>
        <v>403.23</v>
      </c>
      <c r="I77" s="16">
        <f t="shared" si="96"/>
        <v>242.47</v>
      </c>
      <c r="J77" s="16">
        <f t="shared" si="97"/>
        <v>645.70000000000005</v>
      </c>
      <c r="K77" s="371"/>
      <c r="L77" s="364"/>
      <c r="M77" s="85">
        <v>3.33</v>
      </c>
      <c r="N77" s="375">
        <v>2.0699999999999998</v>
      </c>
      <c r="O77" s="16">
        <f t="shared" si="98"/>
        <v>3.7</v>
      </c>
      <c r="P77" s="16">
        <f t="shared" si="99"/>
        <v>2.2999999999999998</v>
      </c>
      <c r="Q77" s="19"/>
      <c r="R77" s="19"/>
      <c r="S77" s="19"/>
      <c r="T77" s="19">
        <f t="shared" si="91"/>
        <v>0.1</v>
      </c>
    </row>
    <row r="78" spans="1:20">
      <c r="A78" s="39" t="s">
        <v>85</v>
      </c>
      <c r="B78" s="56" t="s">
        <v>279</v>
      </c>
      <c r="C78" s="56" t="s">
        <v>200</v>
      </c>
      <c r="D78" s="56">
        <v>183.24</v>
      </c>
      <c r="E78" s="34">
        <f t="shared" si="100"/>
        <v>4.05</v>
      </c>
      <c r="F78" s="373">
        <f t="shared" si="101"/>
        <v>3.65</v>
      </c>
      <c r="G78" s="34">
        <f t="shared" si="94"/>
        <v>7.6999999999999993</v>
      </c>
      <c r="H78" s="16">
        <f t="shared" si="95"/>
        <v>742.12</v>
      </c>
      <c r="I78" s="16">
        <f t="shared" si="96"/>
        <v>668.83</v>
      </c>
      <c r="J78" s="16">
        <f t="shared" si="97"/>
        <v>1410.95</v>
      </c>
      <c r="K78" s="371"/>
      <c r="L78" s="364"/>
      <c r="M78" s="85">
        <v>2.2200000000000002</v>
      </c>
      <c r="N78" s="374">
        <v>2.0699999999999998</v>
      </c>
      <c r="O78" s="16">
        <f t="shared" si="98"/>
        <v>2.4700000000000002</v>
      </c>
      <c r="P78" s="16">
        <f t="shared" si="99"/>
        <v>2.2999999999999998</v>
      </c>
      <c r="Q78" s="19"/>
      <c r="R78" s="19"/>
      <c r="S78" s="19"/>
      <c r="T78" s="19">
        <f t="shared" si="91"/>
        <v>0.1</v>
      </c>
    </row>
    <row r="79" spans="1:20">
      <c r="A79" s="39" t="s">
        <v>86</v>
      </c>
      <c r="B79" s="56" t="s">
        <v>280</v>
      </c>
      <c r="C79" s="56" t="s">
        <v>200</v>
      </c>
      <c r="D79" s="56">
        <v>310.92</v>
      </c>
      <c r="E79" s="34">
        <f t="shared" si="100"/>
        <v>1.69</v>
      </c>
      <c r="F79" s="373">
        <f t="shared" si="101"/>
        <v>3.65</v>
      </c>
      <c r="G79" s="34">
        <f t="shared" si="94"/>
        <v>5.34</v>
      </c>
      <c r="H79" s="16">
        <f t="shared" si="95"/>
        <v>525.45000000000005</v>
      </c>
      <c r="I79" s="16">
        <f t="shared" si="96"/>
        <v>1134.8599999999999</v>
      </c>
      <c r="J79" s="16">
        <f t="shared" si="97"/>
        <v>1660.31</v>
      </c>
      <c r="K79" s="371"/>
      <c r="L79" s="364"/>
      <c r="M79" s="85">
        <v>0.93</v>
      </c>
      <c r="N79" s="374">
        <v>2.0699999999999998</v>
      </c>
      <c r="O79" s="16">
        <f t="shared" si="98"/>
        <v>1.03</v>
      </c>
      <c r="P79" s="16">
        <f t="shared" si="99"/>
        <v>2.2999999999999998</v>
      </c>
      <c r="Q79" s="19"/>
      <c r="R79" s="19"/>
      <c r="S79" s="19"/>
      <c r="T79" s="19">
        <f t="shared" si="91"/>
        <v>0.1</v>
      </c>
    </row>
    <row r="80" spans="1:20">
      <c r="A80" s="39" t="s">
        <v>88</v>
      </c>
      <c r="B80" s="56" t="s">
        <v>281</v>
      </c>
      <c r="C80" s="56" t="s">
        <v>200</v>
      </c>
      <c r="D80" s="56">
        <v>460.33</v>
      </c>
      <c r="E80" s="34">
        <f t="shared" si="100"/>
        <v>2.8</v>
      </c>
      <c r="F80" s="373">
        <f t="shared" si="101"/>
        <v>3.65</v>
      </c>
      <c r="G80" s="34">
        <f t="shared" si="94"/>
        <v>6.4499999999999993</v>
      </c>
      <c r="H80" s="16">
        <f t="shared" si="95"/>
        <v>1288.92</v>
      </c>
      <c r="I80" s="16">
        <f t="shared" si="96"/>
        <v>1680.2</v>
      </c>
      <c r="J80" s="16">
        <f t="shared" si="97"/>
        <v>2969.12</v>
      </c>
      <c r="K80" s="371"/>
      <c r="L80" s="364"/>
      <c r="M80" s="85">
        <v>1.54</v>
      </c>
      <c r="N80" s="374">
        <v>2.0699999999999998</v>
      </c>
      <c r="O80" s="16">
        <f t="shared" si="98"/>
        <v>1.71</v>
      </c>
      <c r="P80" s="16">
        <f t="shared" si="99"/>
        <v>2.2999999999999998</v>
      </c>
      <c r="Q80" s="19"/>
      <c r="R80" s="19"/>
      <c r="S80" s="19"/>
      <c r="T80" s="19">
        <f t="shared" si="91"/>
        <v>0.1</v>
      </c>
    </row>
    <row r="81" spans="1:20">
      <c r="A81" s="39" t="s">
        <v>89</v>
      </c>
      <c r="B81" s="56" t="s">
        <v>282</v>
      </c>
      <c r="C81" s="56" t="s">
        <v>200</v>
      </c>
      <c r="D81" s="56">
        <v>449.55</v>
      </c>
      <c r="E81" s="34">
        <f t="shared" si="100"/>
        <v>1.69</v>
      </c>
      <c r="F81" s="373">
        <f t="shared" si="101"/>
        <v>3.65</v>
      </c>
      <c r="G81" s="34">
        <f t="shared" si="94"/>
        <v>5.34</v>
      </c>
      <c r="H81" s="16">
        <f t="shared" si="95"/>
        <v>759.74</v>
      </c>
      <c r="I81" s="16">
        <f t="shared" si="96"/>
        <v>1640.86</v>
      </c>
      <c r="J81" s="16">
        <f t="shared" si="97"/>
        <v>2400.6</v>
      </c>
      <c r="K81" s="371"/>
      <c r="L81" s="364"/>
      <c r="M81" s="85">
        <v>0.93</v>
      </c>
      <c r="N81" s="374">
        <v>2.0699999999999998</v>
      </c>
      <c r="O81" s="16">
        <f t="shared" si="98"/>
        <v>1.03</v>
      </c>
      <c r="P81" s="16">
        <f t="shared" si="99"/>
        <v>2.2999999999999998</v>
      </c>
      <c r="Q81" s="19"/>
      <c r="R81" s="19"/>
      <c r="S81" s="19"/>
      <c r="T81" s="19">
        <f t="shared" si="91"/>
        <v>0.1</v>
      </c>
    </row>
    <row r="82" spans="1:20">
      <c r="A82" s="39" t="s">
        <v>90</v>
      </c>
      <c r="B82" s="56" t="s">
        <v>283</v>
      </c>
      <c r="C82" s="56" t="s">
        <v>200</v>
      </c>
      <c r="D82" s="56">
        <v>183.24</v>
      </c>
      <c r="E82" s="34">
        <f>ROUND(O82/(1-($N$4+$N$2)),2)</f>
        <v>4.05</v>
      </c>
      <c r="F82" s="373">
        <f>ROUND(P82/(1-($N$5+$N$3)),2)</f>
        <v>3.65</v>
      </c>
      <c r="G82" s="34">
        <f t="shared" si="94"/>
        <v>7.6999999999999993</v>
      </c>
      <c r="H82" s="16">
        <f t="shared" si="95"/>
        <v>742.12</v>
      </c>
      <c r="I82" s="16">
        <f t="shared" si="96"/>
        <v>668.83</v>
      </c>
      <c r="J82" s="16">
        <f t="shared" si="97"/>
        <v>1410.95</v>
      </c>
      <c r="K82" s="371"/>
      <c r="L82" s="364"/>
      <c r="M82" s="85">
        <v>2.2200000000000002</v>
      </c>
      <c r="N82" s="374">
        <v>2.0699999999999998</v>
      </c>
      <c r="O82" s="16">
        <f t="shared" si="98"/>
        <v>2.4700000000000002</v>
      </c>
      <c r="P82" s="16">
        <f t="shared" si="99"/>
        <v>2.2999999999999998</v>
      </c>
      <c r="Q82" s="19"/>
      <c r="R82" s="19"/>
      <c r="S82" s="19"/>
      <c r="T82" s="19">
        <f t="shared" si="91"/>
        <v>0.1</v>
      </c>
    </row>
    <row r="83" spans="1:20">
      <c r="A83" s="39" t="s">
        <v>92</v>
      </c>
      <c r="B83" s="56" t="s">
        <v>284</v>
      </c>
      <c r="C83" s="56" t="s">
        <v>200</v>
      </c>
      <c r="D83" s="56">
        <v>3.31</v>
      </c>
      <c r="E83" s="34">
        <f>ROUND(O83/(1-($N$4+$N$2)),2)</f>
        <v>12.36</v>
      </c>
      <c r="F83" s="373">
        <f>ROUND(P83/(1-($N$5+$N$3)),2)</f>
        <v>4.22</v>
      </c>
      <c r="G83" s="34">
        <f t="shared" si="94"/>
        <v>16.579999999999998</v>
      </c>
      <c r="H83" s="16">
        <f t="shared" si="95"/>
        <v>40.909999999999997</v>
      </c>
      <c r="I83" s="16">
        <f t="shared" si="96"/>
        <v>13.97</v>
      </c>
      <c r="J83" s="16">
        <f t="shared" si="97"/>
        <v>54.879999999999995</v>
      </c>
      <c r="K83" s="371"/>
      <c r="L83" s="364"/>
      <c r="M83" s="85">
        <v>6.79</v>
      </c>
      <c r="N83" s="374">
        <v>2.39</v>
      </c>
      <c r="O83" s="16">
        <f t="shared" si="98"/>
        <v>7.54</v>
      </c>
      <c r="P83" s="16">
        <f t="shared" si="99"/>
        <v>2.66</v>
      </c>
      <c r="Q83" s="19"/>
      <c r="R83" s="19"/>
      <c r="S83" s="19"/>
      <c r="T83" s="19">
        <f t="shared" si="91"/>
        <v>0.1</v>
      </c>
    </row>
    <row r="84" spans="1:20">
      <c r="A84" s="39" t="s">
        <v>93</v>
      </c>
      <c r="B84" s="56" t="s">
        <v>285</v>
      </c>
      <c r="C84" s="56" t="s">
        <v>200</v>
      </c>
      <c r="D84" s="56">
        <v>66.430000000000007</v>
      </c>
      <c r="E84" s="34">
        <f>ROUND(O84/(1-($N$4+$N$2)),2)</f>
        <v>6.07</v>
      </c>
      <c r="F84" s="373">
        <f>ROUND(P84/(1-($N$5+$N$3)),2)</f>
        <v>3.65</v>
      </c>
      <c r="G84" s="34">
        <f t="shared" si="94"/>
        <v>9.7200000000000006</v>
      </c>
      <c r="H84" s="16">
        <f t="shared" si="95"/>
        <v>403.23</v>
      </c>
      <c r="I84" s="16">
        <f t="shared" si="96"/>
        <v>242.47</v>
      </c>
      <c r="J84" s="16">
        <f t="shared" si="97"/>
        <v>645.70000000000005</v>
      </c>
      <c r="K84" s="371"/>
      <c r="L84" s="364"/>
      <c r="M84" s="85">
        <v>3.33</v>
      </c>
      <c r="N84" s="375">
        <v>2.0699999999999998</v>
      </c>
      <c r="O84" s="16">
        <f t="shared" si="98"/>
        <v>3.7</v>
      </c>
      <c r="P84" s="16">
        <f t="shared" si="99"/>
        <v>2.2999999999999998</v>
      </c>
      <c r="Q84" s="19"/>
      <c r="R84" s="19"/>
      <c r="S84" s="19"/>
      <c r="T84" s="19">
        <f t="shared" si="91"/>
        <v>0.1</v>
      </c>
    </row>
    <row r="85" spans="1:20">
      <c r="A85" s="39" t="s">
        <v>94</v>
      </c>
      <c r="B85" s="56" t="s">
        <v>286</v>
      </c>
      <c r="C85" s="56" t="s">
        <v>200</v>
      </c>
      <c r="D85" s="56">
        <v>310.92</v>
      </c>
      <c r="E85" s="34">
        <f>ROUND(O85/(1-($N$4+$N$2)),2)</f>
        <v>1.69</v>
      </c>
      <c r="F85" s="373">
        <f>ROUND(P85/(1-($N$5+$N$3)),2)</f>
        <v>3.65</v>
      </c>
      <c r="G85" s="34">
        <f t="shared" si="94"/>
        <v>5.34</v>
      </c>
      <c r="H85" s="16">
        <f t="shared" si="95"/>
        <v>525.45000000000005</v>
      </c>
      <c r="I85" s="16">
        <f t="shared" si="96"/>
        <v>1134.8599999999999</v>
      </c>
      <c r="J85" s="16">
        <f t="shared" si="97"/>
        <v>1660.31</v>
      </c>
      <c r="K85" s="371"/>
      <c r="L85" s="364"/>
      <c r="M85" s="85">
        <v>0.93</v>
      </c>
      <c r="N85" s="374">
        <v>2.0699999999999998</v>
      </c>
      <c r="O85" s="16">
        <f t="shared" si="98"/>
        <v>1.03</v>
      </c>
      <c r="P85" s="16">
        <f t="shared" si="99"/>
        <v>2.2999999999999998</v>
      </c>
      <c r="Q85" s="19"/>
      <c r="R85" s="19"/>
      <c r="S85" s="19"/>
      <c r="T85" s="19">
        <f t="shared" si="91"/>
        <v>0.1</v>
      </c>
    </row>
    <row r="86" spans="1:20">
      <c r="A86" s="39" t="s">
        <v>95</v>
      </c>
      <c r="B86" s="56" t="s">
        <v>287</v>
      </c>
      <c r="C86" s="56" t="s">
        <v>200</v>
      </c>
      <c r="D86" s="56">
        <v>460.33</v>
      </c>
      <c r="E86" s="34">
        <f>ROUND(O86/(1-($N$4+$N$2)),2)</f>
        <v>2.8</v>
      </c>
      <c r="F86" s="373">
        <f>ROUND(P86/(1-($N$5+$N$3)),2)</f>
        <v>3.65</v>
      </c>
      <c r="G86" s="34">
        <f t="shared" ref="G86" si="102">E86+F86</f>
        <v>6.4499999999999993</v>
      </c>
      <c r="H86" s="16">
        <f t="shared" ref="H86" si="103">ROUND(D86*E86,2)</f>
        <v>1288.92</v>
      </c>
      <c r="I86" s="16">
        <f t="shared" ref="I86" si="104">ROUND(D86*F86,2)</f>
        <v>1680.2</v>
      </c>
      <c r="J86" s="16">
        <f t="shared" ref="J86" si="105">H86+I86</f>
        <v>2969.12</v>
      </c>
      <c r="K86" s="371"/>
      <c r="L86" s="364"/>
      <c r="M86" s="85">
        <v>1.54</v>
      </c>
      <c r="N86" s="374">
        <v>2.0699999999999998</v>
      </c>
      <c r="O86" s="16">
        <f t="shared" ref="O86" si="106">ROUND((M86/(1-(Q86+R86+S86+T86))),2)</f>
        <v>1.71</v>
      </c>
      <c r="P86" s="16">
        <f t="shared" ref="P86" si="107">ROUND((N86/(1-(T86))),2)</f>
        <v>2.2999999999999998</v>
      </c>
      <c r="Q86" s="19"/>
      <c r="R86" s="19"/>
      <c r="S86" s="19"/>
      <c r="T86" s="19">
        <f t="shared" si="91"/>
        <v>0.1</v>
      </c>
    </row>
    <row r="87" spans="1:20">
      <c r="A87" s="39"/>
      <c r="B87" s="52"/>
      <c r="C87" s="39"/>
      <c r="D87" s="39"/>
      <c r="E87" s="34"/>
      <c r="F87" s="373"/>
      <c r="G87" s="34"/>
      <c r="H87" s="16"/>
      <c r="I87" s="16"/>
      <c r="J87" s="16"/>
      <c r="K87" s="371"/>
      <c r="L87" s="364"/>
      <c r="M87" s="85"/>
      <c r="N87" s="31"/>
      <c r="O87" s="16"/>
      <c r="P87" s="16"/>
      <c r="Q87" s="19"/>
      <c r="R87" s="19"/>
      <c r="S87" s="19"/>
      <c r="T87" s="19"/>
    </row>
    <row r="88" spans="1:20">
      <c r="A88" s="39"/>
      <c r="B88" s="376"/>
      <c r="C88" s="39"/>
      <c r="D88" s="39"/>
      <c r="E88" s="34"/>
      <c r="F88" s="373"/>
      <c r="G88" s="34"/>
      <c r="H88" s="16"/>
      <c r="I88" s="16"/>
      <c r="J88" s="16"/>
      <c r="K88" s="371"/>
      <c r="L88" s="364"/>
      <c r="M88" s="85"/>
      <c r="N88" s="31"/>
      <c r="O88" s="16"/>
      <c r="P88" s="16"/>
      <c r="Q88" s="19"/>
      <c r="R88" s="19"/>
      <c r="S88" s="19"/>
      <c r="T88" s="19"/>
    </row>
    <row r="89" spans="1:20" ht="15" customHeight="1" thickBot="1">
      <c r="A89" s="66" t="s">
        <v>288</v>
      </c>
      <c r="B89" s="65" t="s">
        <v>289</v>
      </c>
      <c r="C89" s="66"/>
      <c r="D89" s="71"/>
      <c r="E89" s="72">
        <f>ROUND(O89/(1-($N$4+$N$2)),2)</f>
        <v>0</v>
      </c>
      <c r="F89" s="73">
        <f>ROUND(P89/(1-($N$5+$N$3)),2)</f>
        <v>0</v>
      </c>
      <c r="G89" s="74">
        <f>E89+F89</f>
        <v>0</v>
      </c>
      <c r="H89" s="75">
        <f>ROUND(D89*E89,2)</f>
        <v>0</v>
      </c>
      <c r="I89" s="76">
        <f>ROUND(D89*F89,2)</f>
        <v>0</v>
      </c>
      <c r="J89" s="77">
        <f>H89+I89</f>
        <v>0</v>
      </c>
      <c r="K89" s="78">
        <f>SUM(J89:J92)</f>
        <v>56977.609999999979</v>
      </c>
      <c r="L89" s="364"/>
      <c r="M89" s="85"/>
      <c r="N89" s="372"/>
      <c r="O89" s="16">
        <f>ROUND((M89/(1-(Q89+R89+S89+T89))),2)</f>
        <v>0</v>
      </c>
      <c r="P89" s="16">
        <f>ROUND((N89/(1-(Q89+R89+S89+T89))),2)</f>
        <v>0</v>
      </c>
      <c r="Q89" s="19"/>
      <c r="R89" s="19"/>
      <c r="S89" s="19"/>
      <c r="T89" s="19">
        <f>$O$3</f>
        <v>0.1</v>
      </c>
    </row>
    <row r="90" spans="1:20" ht="14.25" thickTop="1" thickBot="1">
      <c r="A90" s="44" t="s">
        <v>290</v>
      </c>
      <c r="B90" s="377" t="s">
        <v>291</v>
      </c>
      <c r="C90" s="378"/>
      <c r="D90" s="378"/>
      <c r="E90" s="54"/>
      <c r="F90" s="54"/>
      <c r="G90" s="55"/>
      <c r="H90" s="79">
        <f>SUM(H10:H87)</f>
        <v>33724.230000000003</v>
      </c>
      <c r="I90" s="26"/>
      <c r="J90" s="27"/>
      <c r="K90" s="379"/>
      <c r="L90" s="364"/>
      <c r="M90" s="45"/>
      <c r="N90" s="365"/>
      <c r="O90" s="17"/>
      <c r="P90" s="17"/>
    </row>
    <row r="91" spans="1:20" ht="13.5" thickBot="1">
      <c r="A91" s="44" t="s">
        <v>292</v>
      </c>
      <c r="B91" s="46" t="s">
        <v>293</v>
      </c>
      <c r="C91" s="47"/>
      <c r="D91" s="47"/>
      <c r="E91" s="23"/>
      <c r="F91" s="23"/>
      <c r="G91" s="23"/>
      <c r="H91" s="18"/>
      <c r="I91" s="80">
        <f>SUM(I9:I87)</f>
        <v>23253.380000000005</v>
      </c>
      <c r="J91" s="18"/>
      <c r="K91" s="379"/>
      <c r="L91" s="364"/>
      <c r="M91" s="45"/>
      <c r="N91" s="365"/>
      <c r="O91" s="17"/>
      <c r="P91" s="17"/>
    </row>
    <row r="92" spans="1:20" ht="13.5" thickBot="1">
      <c r="A92" s="44" t="s">
        <v>294</v>
      </c>
      <c r="B92" s="377" t="s">
        <v>295</v>
      </c>
      <c r="C92" s="378"/>
      <c r="D92" s="378"/>
      <c r="E92" s="380"/>
      <c r="F92" s="380"/>
      <c r="G92" s="380"/>
      <c r="H92" s="381"/>
      <c r="I92" s="20"/>
      <c r="J92" s="81">
        <f>SUM(J9:J87)</f>
        <v>56977.609999999979</v>
      </c>
      <c r="K92" s="81">
        <f>SUM(K9:K87)</f>
        <v>53148.680000000008</v>
      </c>
      <c r="L92" s="364"/>
      <c r="M92" s="48"/>
      <c r="N92" s="365"/>
      <c r="O92" s="17"/>
      <c r="P92" s="17"/>
    </row>
    <row r="93" spans="1:20">
      <c r="A93" s="363"/>
      <c r="B93" s="364"/>
      <c r="C93" s="363"/>
      <c r="D93" s="43"/>
      <c r="E93" s="365"/>
      <c r="F93" s="365"/>
      <c r="G93" s="365"/>
      <c r="H93" s="364"/>
      <c r="I93" s="364"/>
      <c r="J93" s="364"/>
      <c r="K93" s="364"/>
      <c r="L93" s="364"/>
      <c r="M93" s="365"/>
      <c r="N93" s="365"/>
      <c r="O93" s="364"/>
      <c r="P93" s="364"/>
    </row>
    <row r="94" spans="1:20" ht="15">
      <c r="A94" s="363"/>
      <c r="B94" s="50">
        <f ca="1">TODAY()</f>
        <v>41932</v>
      </c>
      <c r="C94" s="382"/>
      <c r="D94" s="382"/>
      <c r="E94" s="382"/>
      <c r="F94" s="382"/>
      <c r="G94" s="382"/>
      <c r="H94" s="364"/>
      <c r="I94" s="364"/>
      <c r="J94" s="364"/>
      <c r="K94" s="364"/>
      <c r="L94" s="364"/>
      <c r="M94" s="365"/>
      <c r="N94" s="365"/>
      <c r="O94" s="364"/>
      <c r="P94" s="364"/>
    </row>
    <row r="95" spans="1:20">
      <c r="A95" s="363"/>
      <c r="B95" s="383"/>
      <c r="C95" s="363"/>
      <c r="D95" s="43"/>
      <c r="E95" s="365"/>
      <c r="F95" s="365"/>
      <c r="G95" s="365"/>
      <c r="H95" s="364"/>
      <c r="I95" s="364"/>
      <c r="J95" s="364"/>
      <c r="K95" s="364"/>
      <c r="L95" s="364"/>
      <c r="M95" s="365"/>
      <c r="N95" s="365"/>
      <c r="O95" s="364"/>
      <c r="P95" s="364"/>
    </row>
    <row r="96" spans="1:20" ht="21.75" customHeight="1">
      <c r="A96" s="363"/>
      <c r="B96" s="383" t="s">
        <v>296</v>
      </c>
      <c r="C96" s="363"/>
      <c r="D96" s="43"/>
      <c r="E96" s="365"/>
      <c r="F96" s="365"/>
      <c r="G96" s="365"/>
      <c r="H96" s="364"/>
      <c r="I96" s="364"/>
      <c r="J96" s="364"/>
      <c r="K96" s="364"/>
      <c r="L96" s="364"/>
      <c r="M96" s="365"/>
      <c r="N96" s="365"/>
      <c r="O96" s="364"/>
      <c r="P96" s="364"/>
    </row>
    <row r="97" spans="2:22">
      <c r="B97" s="28" t="s">
        <v>297</v>
      </c>
      <c r="C97" s="363"/>
      <c r="D97" s="43"/>
      <c r="E97" s="365"/>
      <c r="F97" s="365"/>
      <c r="G97" s="365"/>
      <c r="H97" s="364"/>
      <c r="I97" s="364"/>
      <c r="J97" s="364"/>
      <c r="K97" s="364"/>
      <c r="L97" s="364"/>
      <c r="M97" s="365"/>
      <c r="N97" s="365"/>
      <c r="O97" s="364"/>
      <c r="P97" s="364"/>
      <c r="U97" s="364"/>
      <c r="V97" s="364"/>
    </row>
    <row r="98" spans="2:22">
      <c r="B98" s="28" t="s">
        <v>298</v>
      </c>
      <c r="C98" s="363"/>
      <c r="D98" s="43"/>
      <c r="E98" s="365"/>
      <c r="F98" s="365"/>
      <c r="G98" s="365"/>
      <c r="H98" s="364"/>
      <c r="I98" s="364"/>
      <c r="J98" s="364"/>
      <c r="K98" s="364"/>
      <c r="L98" s="364"/>
      <c r="M98" s="365"/>
      <c r="N98" s="365"/>
      <c r="O98" s="364"/>
      <c r="P98" s="364"/>
      <c r="U98" s="364"/>
      <c r="V98" s="364"/>
    </row>
    <row r="99" spans="2:22">
      <c r="B99" s="28"/>
      <c r="C99" s="363"/>
      <c r="D99" s="43"/>
      <c r="E99" s="365"/>
      <c r="F99" s="365"/>
      <c r="G99" s="365"/>
      <c r="H99" s="364"/>
      <c r="I99" s="364"/>
      <c r="J99" s="364"/>
      <c r="K99" s="364"/>
      <c r="L99" s="364"/>
      <c r="M99" s="365"/>
      <c r="N99" s="365"/>
      <c r="O99" s="364"/>
      <c r="P99" s="364"/>
      <c r="U99" s="364"/>
      <c r="V99" s="364"/>
    </row>
    <row r="100" spans="2:22">
      <c r="B100" s="28"/>
      <c r="C100" s="363"/>
      <c r="D100" s="43"/>
      <c r="E100" s="365"/>
      <c r="F100" s="365"/>
      <c r="G100" s="365"/>
      <c r="H100" s="364"/>
      <c r="I100" s="364"/>
      <c r="J100" s="364"/>
      <c r="K100" s="364"/>
      <c r="L100" s="364"/>
      <c r="M100" s="365"/>
      <c r="N100" s="365"/>
      <c r="O100" s="364"/>
      <c r="P100" s="364"/>
      <c r="T100" s="364"/>
      <c r="U100" s="364"/>
      <c r="V100" s="364"/>
    </row>
    <row r="101" spans="2:22">
      <c r="B101" s="28"/>
      <c r="C101" s="363"/>
      <c r="D101" s="43"/>
      <c r="E101" s="365"/>
      <c r="F101" s="365"/>
      <c r="G101" s="365"/>
      <c r="H101" s="364"/>
      <c r="I101" s="364"/>
      <c r="J101" s="364"/>
      <c r="K101" s="364"/>
      <c r="L101" s="364"/>
      <c r="M101" s="365"/>
      <c r="N101" s="365"/>
      <c r="O101" s="364"/>
      <c r="P101" s="364"/>
      <c r="U101" s="364"/>
      <c r="V101" s="364"/>
    </row>
    <row r="102" spans="2:22">
      <c r="B102" s="364"/>
      <c r="C102" s="363"/>
      <c r="D102" s="43"/>
      <c r="E102" s="365"/>
      <c r="F102" s="365"/>
      <c r="G102" s="365"/>
      <c r="H102" s="364"/>
      <c r="I102" s="364"/>
      <c r="J102" s="364"/>
      <c r="K102" s="364"/>
      <c r="L102" s="364"/>
      <c r="M102" s="365"/>
      <c r="N102" s="365"/>
      <c r="O102" s="364"/>
      <c r="P102" s="364"/>
      <c r="U102" s="364"/>
      <c r="V102" s="364"/>
    </row>
    <row r="104" spans="2:22">
      <c r="B104" s="364"/>
      <c r="C104" s="363"/>
      <c r="E104" s="365"/>
      <c r="F104" s="365"/>
      <c r="G104" s="365"/>
      <c r="H104" s="364"/>
      <c r="I104" s="364"/>
      <c r="J104" s="364"/>
      <c r="K104" s="364"/>
      <c r="L104" s="364"/>
      <c r="M104" s="365"/>
      <c r="N104" s="365"/>
      <c r="O104" s="364"/>
      <c r="P104" s="364"/>
      <c r="U104" s="364"/>
      <c r="V104" s="7"/>
    </row>
  </sheetData>
  <phoneticPr fontId="29" type="noConversion"/>
  <conditionalFormatting sqref="B87">
    <cfRule type="cellIs" dxfId="6" priority="81" stopIfTrue="1" operator="equal">
      <formula>" "</formula>
    </cfRule>
  </conditionalFormatting>
  <conditionalFormatting sqref="B81">
    <cfRule type="cellIs" dxfId="5" priority="8" stopIfTrue="1" operator="equal">
      <formula>" "</formula>
    </cfRule>
  </conditionalFormatting>
  <conditionalFormatting sqref="B42">
    <cfRule type="cellIs" dxfId="4" priority="6" stopIfTrue="1" operator="equal">
      <formula>" "</formula>
    </cfRule>
  </conditionalFormatting>
  <conditionalFormatting sqref="B33">
    <cfRule type="cellIs" dxfId="3" priority="5" stopIfTrue="1" operator="equal">
      <formula>" "</formula>
    </cfRule>
  </conditionalFormatting>
  <conditionalFormatting sqref="B61">
    <cfRule type="cellIs" dxfId="2" priority="3" stopIfTrue="1" operator="equal">
      <formula>" "</formula>
    </cfRule>
  </conditionalFormatting>
  <conditionalFormatting sqref="B71">
    <cfRule type="cellIs" dxfId="1" priority="2" stopIfTrue="1" operator="equal">
      <formula>" "</formula>
    </cfRule>
  </conditionalFormatting>
  <conditionalFormatting sqref="B59">
    <cfRule type="cellIs" dxfId="0" priority="1" stopIfTrue="1" operator="equal">
      <formula>" "</formula>
    </cfRule>
  </conditionalFormatting>
  <pageMargins left="1" right="0.43307086614173229" top="0.73" bottom="0.71" header="0.35433070866141736" footer="0.23622047244094491"/>
  <pageSetup paperSize="9" scale="50" fitToHeight="0" orientation="portrait" r:id="rId1"/>
  <headerFooter alignWithMargins="0">
    <oddFooter>&amp;R&amp;P/&amp;N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1">
    <pageSetUpPr fitToPage="1"/>
  </sheetPr>
  <dimension ref="A1:M35"/>
  <sheetViews>
    <sheetView showGridLines="0" showZeros="0" view="pageBreakPreview" zoomScale="80" zoomScaleNormal="80" zoomScaleSheetLayoutView="80" workbookViewId="0">
      <selection activeCell="A6" sqref="A6:K6"/>
    </sheetView>
  </sheetViews>
  <sheetFormatPr defaultColWidth="9.140625" defaultRowHeight="12.75"/>
  <cols>
    <col min="1" max="1" width="5.85546875" style="123" customWidth="1"/>
    <col min="2" max="2" width="92.140625" style="123" customWidth="1"/>
    <col min="3" max="4" width="9.140625" style="123" hidden="1" customWidth="1"/>
    <col min="5" max="5" width="18" style="123" customWidth="1"/>
    <col min="6" max="11" width="14" style="123" customWidth="1"/>
    <col min="12" max="12" width="13.140625" style="123" bestFit="1" customWidth="1"/>
    <col min="13" max="13" width="13.5703125" style="123" bestFit="1" customWidth="1"/>
    <col min="14" max="16384" width="9.140625" style="123"/>
  </cols>
  <sheetData>
    <row r="1" spans="1:13" ht="12.75" customHeight="1">
      <c r="A1" s="384" t="s">
        <v>299</v>
      </c>
      <c r="B1" s="385"/>
      <c r="C1" s="384" t="s">
        <v>300</v>
      </c>
      <c r="D1" s="386"/>
      <c r="E1" s="386"/>
      <c r="F1" s="386"/>
      <c r="G1" s="386"/>
      <c r="H1" s="386"/>
      <c r="I1" s="386"/>
      <c r="J1" s="386"/>
      <c r="K1" s="387"/>
    </row>
    <row r="2" spans="1:13">
      <c r="A2" s="260"/>
      <c r="B2" s="261"/>
      <c r="C2" s="247"/>
      <c r="D2" s="248"/>
      <c r="E2" s="248"/>
      <c r="F2" s="248"/>
      <c r="G2" s="248"/>
      <c r="H2" s="248"/>
      <c r="I2" s="248"/>
      <c r="J2" s="248"/>
      <c r="K2" s="249"/>
    </row>
    <row r="3" spans="1:13" ht="33.75" customHeight="1">
      <c r="A3" s="260"/>
      <c r="B3" s="261"/>
      <c r="C3" s="247"/>
      <c r="D3" s="248"/>
      <c r="E3" s="248"/>
      <c r="F3" s="248"/>
      <c r="G3" s="248"/>
      <c r="H3" s="248"/>
      <c r="I3" s="248"/>
      <c r="J3" s="248"/>
      <c r="K3" s="249"/>
    </row>
    <row r="4" spans="1:13" ht="12.75" customHeight="1">
      <c r="A4" s="260"/>
      <c r="B4" s="261"/>
      <c r="C4" s="247"/>
      <c r="D4" s="248"/>
      <c r="E4" s="248"/>
      <c r="F4" s="248"/>
      <c r="G4" s="248"/>
      <c r="H4" s="248"/>
      <c r="I4" s="248"/>
      <c r="J4" s="248"/>
      <c r="K4" s="249"/>
    </row>
    <row r="5" spans="1:13" ht="13.5" customHeight="1" thickBot="1">
      <c r="A5" s="262"/>
      <c r="B5" s="263"/>
      <c r="C5" s="250"/>
      <c r="D5" s="251"/>
      <c r="E5" s="251"/>
      <c r="F5" s="251"/>
      <c r="G5" s="251"/>
      <c r="H5" s="251"/>
      <c r="I5" s="251"/>
      <c r="J5" s="251"/>
      <c r="K5" s="252"/>
    </row>
    <row r="6" spans="1:13" ht="28.5" customHeight="1" thickBot="1">
      <c r="A6" s="253" t="s">
        <v>301</v>
      </c>
      <c r="B6" s="254"/>
      <c r="C6" s="254"/>
      <c r="D6" s="254"/>
      <c r="E6" s="254"/>
      <c r="F6" s="254"/>
      <c r="G6" s="254"/>
      <c r="H6" s="254"/>
      <c r="I6" s="254"/>
      <c r="J6" s="254"/>
      <c r="K6" s="255"/>
    </row>
    <row r="7" spans="1:13" ht="31.5" customHeight="1" thickBot="1">
      <c r="A7" s="388"/>
      <c r="B7" s="389"/>
      <c r="C7" s="389"/>
      <c r="D7" s="389"/>
      <c r="E7" s="389"/>
      <c r="F7" s="389"/>
      <c r="G7" s="389"/>
      <c r="H7" s="389"/>
      <c r="I7" s="389"/>
      <c r="J7" s="389"/>
      <c r="K7" s="390"/>
    </row>
    <row r="8" spans="1:13" ht="26.25" customHeight="1" thickBot="1">
      <c r="A8" s="124" t="s">
        <v>9</v>
      </c>
      <c r="B8" s="125" t="s">
        <v>12</v>
      </c>
      <c r="C8" s="126"/>
      <c r="D8" s="127"/>
      <c r="E8" s="391" t="s">
        <v>302</v>
      </c>
      <c r="F8" s="256" t="s">
        <v>303</v>
      </c>
      <c r="G8" s="392"/>
      <c r="H8" s="257"/>
      <c r="I8" s="258" t="s">
        <v>303</v>
      </c>
      <c r="J8" s="392"/>
      <c r="K8" s="259"/>
    </row>
    <row r="9" spans="1:13" ht="15.75">
      <c r="A9" s="393">
        <v>1</v>
      </c>
      <c r="B9" s="394" t="str">
        <f>'ANEXO III-B- PLAN. ORÇAMENTÁRIA'!E10</f>
        <v>MOBILIZAÇÃO E DESMOBILIZAÇÃO</v>
      </c>
      <c r="C9" s="395"/>
      <c r="D9" s="396"/>
      <c r="E9" s="397" t="s">
        <v>141</v>
      </c>
      <c r="F9" s="398">
        <f>F10/E10</f>
        <v>0.58823529411764708</v>
      </c>
      <c r="G9" s="399"/>
      <c r="H9" s="400"/>
      <c r="I9" s="283">
        <f>I10/E10</f>
        <v>0.41176470588235298</v>
      </c>
      <c r="J9" s="284"/>
      <c r="K9" s="285"/>
      <c r="L9" s="222"/>
    </row>
    <row r="10" spans="1:13">
      <c r="A10" s="281"/>
      <c r="B10" s="275"/>
      <c r="C10" s="128"/>
      <c r="D10" s="129"/>
      <c r="E10" s="130">
        <f>'ANEXO III-B- PLAN. ORÇAMENTÁRIA'!I10</f>
        <v>2148.12</v>
      </c>
      <c r="F10" s="264">
        <v>1263.5999999999999</v>
      </c>
      <c r="G10" s="265"/>
      <c r="H10" s="266"/>
      <c r="I10" s="264">
        <v>884.52</v>
      </c>
      <c r="J10" s="265"/>
      <c r="K10" s="266"/>
      <c r="L10" s="222">
        <f>SUM(F10:K10)</f>
        <v>2148.12</v>
      </c>
      <c r="M10" s="131"/>
    </row>
    <row r="11" spans="1:13">
      <c r="A11" s="282"/>
      <c r="B11" s="276"/>
      <c r="C11" s="132"/>
      <c r="D11" s="133"/>
      <c r="E11" s="134" t="s">
        <v>304</v>
      </c>
      <c r="F11" s="135"/>
      <c r="G11" s="219"/>
      <c r="H11" s="219"/>
      <c r="I11" s="219"/>
      <c r="J11" s="219"/>
      <c r="K11" s="136"/>
      <c r="L11" s="222"/>
    </row>
    <row r="12" spans="1:13" ht="9.75" customHeight="1">
      <c r="A12" s="267"/>
      <c r="B12" s="268"/>
      <c r="C12" s="269"/>
      <c r="D12" s="269"/>
      <c r="E12" s="269"/>
      <c r="F12" s="269"/>
      <c r="G12" s="269"/>
      <c r="H12" s="269"/>
      <c r="I12" s="269"/>
      <c r="J12" s="269"/>
      <c r="K12" s="270"/>
      <c r="L12" s="222"/>
    </row>
    <row r="13" spans="1:13" ht="15.75">
      <c r="A13" s="271">
        <v>2</v>
      </c>
      <c r="B13" s="274" t="str">
        <f>'ANEXO III-B- PLAN. ORÇAMENTÁRIA'!E13</f>
        <v>ADMINISTRAÇÃO LOCAL, OPERAÇÃO E MANUTENÇÃO DO CANTEIRO</v>
      </c>
      <c r="C13" s="137"/>
      <c r="D13" s="133"/>
      <c r="E13" s="138" t="s">
        <v>141</v>
      </c>
      <c r="F13" s="277">
        <v>0.5</v>
      </c>
      <c r="G13" s="278"/>
      <c r="H13" s="279"/>
      <c r="I13" s="277">
        <v>0.5</v>
      </c>
      <c r="J13" s="278"/>
      <c r="K13" s="280"/>
      <c r="L13" s="222"/>
    </row>
    <row r="14" spans="1:13">
      <c r="A14" s="272"/>
      <c r="B14" s="275"/>
      <c r="C14" s="137"/>
      <c r="D14" s="133"/>
      <c r="E14" s="130">
        <f>'ANEXO III-B- PLAN. ORÇAMENTÁRIA'!I13</f>
        <v>9209.1167999999998</v>
      </c>
      <c r="F14" s="264">
        <f>ROUND(E14*F13,2)</f>
        <v>4604.5600000000004</v>
      </c>
      <c r="G14" s="265"/>
      <c r="H14" s="266"/>
      <c r="I14" s="264">
        <f>ROUND($E$14*I13,2)</f>
        <v>4604.5600000000004</v>
      </c>
      <c r="J14" s="265"/>
      <c r="K14" s="266"/>
      <c r="L14" s="222">
        <f>SUM(F14:K14)</f>
        <v>9209.1200000000008</v>
      </c>
      <c r="M14" s="131"/>
    </row>
    <row r="15" spans="1:13">
      <c r="A15" s="273"/>
      <c r="B15" s="276"/>
      <c r="C15" s="132"/>
      <c r="D15" s="133"/>
      <c r="E15" s="134" t="s">
        <v>305</v>
      </c>
      <c r="F15" s="139"/>
      <c r="G15" s="140"/>
      <c r="H15" s="140"/>
      <c r="I15" s="140"/>
      <c r="J15" s="140"/>
      <c r="K15" s="140"/>
      <c r="L15" s="222"/>
    </row>
    <row r="16" spans="1:13" ht="9.75" customHeight="1">
      <c r="A16" s="286"/>
      <c r="B16" s="287"/>
      <c r="C16" s="288"/>
      <c r="D16" s="288"/>
      <c r="E16" s="288"/>
      <c r="F16" s="288"/>
      <c r="G16" s="288"/>
      <c r="H16" s="288"/>
      <c r="I16" s="288"/>
      <c r="J16" s="288"/>
      <c r="K16" s="289"/>
      <c r="L16" s="222"/>
    </row>
    <row r="17" spans="1:13" ht="15.75">
      <c r="A17" s="271">
        <v>3</v>
      </c>
      <c r="B17" s="274" t="str">
        <f>'ANEXO III-B- PLAN. ORÇAMENTÁRIA'!E18</f>
        <v>SERVIÇOS PRELIMINARES (OBRA CIVIL)</v>
      </c>
      <c r="C17" s="137"/>
      <c r="D17" s="133"/>
      <c r="E17" s="138" t="s">
        <v>141</v>
      </c>
      <c r="F17" s="277">
        <v>0.5</v>
      </c>
      <c r="G17" s="278"/>
      <c r="H17" s="279"/>
      <c r="I17" s="277">
        <v>0.5</v>
      </c>
      <c r="J17" s="278"/>
      <c r="K17" s="280"/>
      <c r="L17" s="222"/>
    </row>
    <row r="18" spans="1:13">
      <c r="A18" s="272"/>
      <c r="B18" s="275"/>
      <c r="C18" s="137"/>
      <c r="D18" s="133"/>
      <c r="E18" s="130">
        <f>'ANEXO III-B- PLAN. ORÇAMENTÁRIA'!I18</f>
        <v>255.02689892160004</v>
      </c>
      <c r="F18" s="264">
        <f>ROUND($E$18*F17,2)</f>
        <v>127.51</v>
      </c>
      <c r="G18" s="265"/>
      <c r="H18" s="266"/>
      <c r="I18" s="264">
        <f>ROUND($E$18*I17,2)</f>
        <v>127.51</v>
      </c>
      <c r="J18" s="265"/>
      <c r="K18" s="266"/>
      <c r="L18" s="222">
        <f>SUM(F18:K18)</f>
        <v>255.02</v>
      </c>
      <c r="M18" s="131"/>
    </row>
    <row r="19" spans="1:13">
      <c r="A19" s="273"/>
      <c r="B19" s="276"/>
      <c r="C19" s="132"/>
      <c r="D19" s="133"/>
      <c r="E19" s="134" t="s">
        <v>305</v>
      </c>
      <c r="F19" s="139"/>
      <c r="G19" s="140"/>
      <c r="H19" s="140"/>
      <c r="I19" s="140"/>
      <c r="J19" s="140"/>
      <c r="K19" s="140"/>
      <c r="L19" s="222"/>
    </row>
    <row r="20" spans="1:13" ht="9.75" customHeight="1">
      <c r="A20" s="286"/>
      <c r="B20" s="287"/>
      <c r="C20" s="288"/>
      <c r="D20" s="288"/>
      <c r="E20" s="288"/>
      <c r="F20" s="288"/>
      <c r="G20" s="288"/>
      <c r="H20" s="288"/>
      <c r="I20" s="288"/>
      <c r="J20" s="288"/>
      <c r="K20" s="289"/>
      <c r="L20" s="222"/>
    </row>
    <row r="21" spans="1:13" ht="15.75">
      <c r="A21" s="271">
        <v>4</v>
      </c>
      <c r="B21" s="274" t="str">
        <f>'ANEXO III-B- PLAN. ORÇAMENTÁRIA'!E20</f>
        <v>INSTALAÇÕES ELÉTRICAS</v>
      </c>
      <c r="C21" s="132"/>
      <c r="D21" s="133"/>
      <c r="E21" s="144" t="s">
        <v>141</v>
      </c>
      <c r="F21" s="290">
        <v>0.5</v>
      </c>
      <c r="G21" s="291"/>
      <c r="H21" s="292"/>
      <c r="I21" s="293">
        <v>0.5</v>
      </c>
      <c r="J21" s="294"/>
      <c r="K21" s="295"/>
      <c r="L21" s="222"/>
    </row>
    <row r="22" spans="1:13">
      <c r="A22" s="281"/>
      <c r="B22" s="275"/>
      <c r="C22" s="132"/>
      <c r="D22" s="133"/>
      <c r="E22" s="130">
        <f>'ANEXO III-B- PLAN. ORÇAMENTÁRIA'!I20</f>
        <v>22379.192115401158</v>
      </c>
      <c r="F22" s="264">
        <f>ROUND(E22*F21,2)</f>
        <v>11189.6</v>
      </c>
      <c r="G22" s="265"/>
      <c r="H22" s="266"/>
      <c r="I22" s="264">
        <f>ROUND(E22*I21,2)</f>
        <v>11189.6</v>
      </c>
      <c r="J22" s="265"/>
      <c r="K22" s="266"/>
      <c r="L22" s="222">
        <f>SUM(F22:K22)</f>
        <v>22379.200000000001</v>
      </c>
      <c r="M22" s="131"/>
    </row>
    <row r="23" spans="1:13">
      <c r="A23" s="282"/>
      <c r="B23" s="276"/>
      <c r="C23" s="132"/>
      <c r="D23" s="133"/>
      <c r="E23" s="134" t="s">
        <v>305</v>
      </c>
      <c r="F23" s="139"/>
      <c r="G23" s="140"/>
      <c r="H23" s="145"/>
      <c r="I23" s="139"/>
      <c r="J23" s="140"/>
      <c r="K23" s="220"/>
      <c r="L23" s="222"/>
    </row>
    <row r="24" spans="1:13" ht="9.75" customHeight="1">
      <c r="A24" s="296"/>
      <c r="B24" s="297"/>
      <c r="C24" s="298"/>
      <c r="D24" s="298"/>
      <c r="E24" s="298"/>
      <c r="F24" s="298"/>
      <c r="G24" s="298"/>
      <c r="H24" s="298"/>
      <c r="I24" s="298"/>
      <c r="J24" s="298"/>
      <c r="K24" s="299"/>
      <c r="L24" s="222"/>
    </row>
    <row r="25" spans="1:13" ht="15.75">
      <c r="A25" s="271">
        <v>5</v>
      </c>
      <c r="B25" s="274" t="str">
        <f>'ANEXO III-B- PLAN. ORÇAMENTÁRIA'!E62</f>
        <v>ENTREGA DA OBRA</v>
      </c>
      <c r="C25" s="137"/>
      <c r="D25" s="133"/>
      <c r="E25" s="144" t="s">
        <v>141</v>
      </c>
      <c r="F25" s="290">
        <v>0</v>
      </c>
      <c r="G25" s="291"/>
      <c r="H25" s="292"/>
      <c r="I25" s="300">
        <v>1</v>
      </c>
      <c r="J25" s="300"/>
      <c r="K25" s="301"/>
      <c r="L25" s="222"/>
    </row>
    <row r="26" spans="1:13">
      <c r="A26" s="281"/>
      <c r="B26" s="275"/>
      <c r="C26" s="137"/>
      <c r="D26" s="133"/>
      <c r="E26" s="130">
        <f>'ANEXO III-B- PLAN. ORÇAMENTÁRIA'!I62</f>
        <v>121.79233871999999</v>
      </c>
      <c r="F26" s="264">
        <f>ROUND(E26*F25,2)</f>
        <v>0</v>
      </c>
      <c r="G26" s="265"/>
      <c r="H26" s="266"/>
      <c r="I26" s="264">
        <f>ROUND(E26*I25,2)</f>
        <v>121.79</v>
      </c>
      <c r="J26" s="265"/>
      <c r="K26" s="266"/>
      <c r="L26" s="222">
        <f>SUM(F26:K26)</f>
        <v>121.79</v>
      </c>
      <c r="M26" s="131"/>
    </row>
    <row r="27" spans="1:13">
      <c r="A27" s="282"/>
      <c r="B27" s="276"/>
      <c r="C27" s="132"/>
      <c r="D27" s="133"/>
      <c r="E27" s="134" t="s">
        <v>306</v>
      </c>
      <c r="F27" s="142"/>
      <c r="G27" s="143"/>
      <c r="H27" s="141"/>
      <c r="I27" s="143"/>
      <c r="J27" s="143"/>
      <c r="K27" s="145"/>
      <c r="L27" s="222"/>
    </row>
    <row r="28" spans="1:13" ht="9.75" customHeight="1">
      <c r="A28" s="267"/>
      <c r="B28" s="268"/>
      <c r="C28" s="269"/>
      <c r="D28" s="269"/>
      <c r="E28" s="269"/>
      <c r="F28" s="269"/>
      <c r="G28" s="269"/>
      <c r="H28" s="269"/>
      <c r="I28" s="269"/>
      <c r="J28" s="269"/>
      <c r="K28" s="270"/>
      <c r="L28" s="222"/>
    </row>
    <row r="29" spans="1:13" ht="9.75" customHeight="1">
      <c r="A29" s="267"/>
      <c r="B29" s="269"/>
      <c r="C29" s="269"/>
      <c r="D29" s="269"/>
      <c r="E29" s="269"/>
      <c r="F29" s="269"/>
      <c r="G29" s="269"/>
      <c r="H29" s="269"/>
      <c r="I29" s="269"/>
      <c r="J29" s="269"/>
      <c r="K29" s="270"/>
      <c r="L29" s="222"/>
    </row>
    <row r="30" spans="1:13" ht="15.75" customHeight="1">
      <c r="A30" s="302"/>
      <c r="B30" s="303"/>
      <c r="C30" s="303"/>
      <c r="D30" s="303"/>
      <c r="E30" s="303"/>
      <c r="F30" s="303"/>
      <c r="G30" s="303"/>
      <c r="H30" s="303"/>
      <c r="I30" s="303"/>
      <c r="J30" s="303"/>
      <c r="K30" s="304"/>
      <c r="L30" s="222"/>
    </row>
    <row r="31" spans="1:13" ht="15.75" customHeight="1">
      <c r="A31" s="305" t="s">
        <v>307</v>
      </c>
      <c r="B31" s="306"/>
      <c r="C31" s="137"/>
      <c r="D31" s="133"/>
      <c r="E31" s="146">
        <f>SUM(E26,E18,E22,E14,E10)</f>
        <v>34113.248153042761</v>
      </c>
      <c r="F31" s="307"/>
      <c r="G31" s="308"/>
      <c r="H31" s="308"/>
      <c r="I31" s="308"/>
      <c r="J31" s="308"/>
      <c r="K31" s="309"/>
      <c r="L31" s="222"/>
    </row>
    <row r="32" spans="1:13">
      <c r="A32" s="310" t="s">
        <v>308</v>
      </c>
      <c r="B32" s="311"/>
      <c r="C32" s="311"/>
      <c r="D32" s="311"/>
      <c r="E32" s="311"/>
      <c r="F32" s="312">
        <f>SUM(F10,F14,F22,F26)</f>
        <v>17057.760000000002</v>
      </c>
      <c r="G32" s="312"/>
      <c r="H32" s="312"/>
      <c r="I32" s="312">
        <f>I33-F33</f>
        <v>17055.488153042759</v>
      </c>
      <c r="J32" s="312"/>
      <c r="K32" s="313"/>
      <c r="L32" s="222"/>
    </row>
    <row r="33" spans="1:11">
      <c r="A33" s="310" t="s">
        <v>309</v>
      </c>
      <c r="B33" s="311"/>
      <c r="C33" s="311"/>
      <c r="D33" s="311"/>
      <c r="E33" s="311"/>
      <c r="F33" s="318">
        <f>F32</f>
        <v>17057.760000000002</v>
      </c>
      <c r="G33" s="318"/>
      <c r="H33" s="318"/>
      <c r="I33" s="318">
        <f>E31</f>
        <v>34113.248153042761</v>
      </c>
      <c r="J33" s="318"/>
      <c r="K33" s="319"/>
    </row>
    <row r="34" spans="1:11">
      <c r="A34" s="310" t="s">
        <v>310</v>
      </c>
      <c r="B34" s="311"/>
      <c r="C34" s="311"/>
      <c r="D34" s="311"/>
      <c r="E34" s="311"/>
      <c r="F34" s="320">
        <f>F32/$E$31</f>
        <v>0.50003329860215961</v>
      </c>
      <c r="G34" s="320"/>
      <c r="H34" s="320"/>
      <c r="I34" s="320">
        <f>I32/$E$31</f>
        <v>0.49996670139784033</v>
      </c>
      <c r="J34" s="320"/>
      <c r="K34" s="321"/>
    </row>
    <row r="35" spans="1:11" ht="13.5" thickBot="1">
      <c r="A35" s="314" t="s">
        <v>311</v>
      </c>
      <c r="B35" s="315"/>
      <c r="C35" s="315"/>
      <c r="D35" s="315"/>
      <c r="E35" s="315"/>
      <c r="F35" s="316">
        <f>F34</f>
        <v>0.50003329860215961</v>
      </c>
      <c r="G35" s="316"/>
      <c r="H35" s="316"/>
      <c r="I35" s="316">
        <f>I34+F35</f>
        <v>1</v>
      </c>
      <c r="J35" s="316"/>
      <c r="K35" s="317"/>
    </row>
  </sheetData>
  <mergeCells count="57">
    <mergeCell ref="A32:E32"/>
    <mergeCell ref="F32:H32"/>
    <mergeCell ref="I32:K32"/>
    <mergeCell ref="A35:E35"/>
    <mergeCell ref="F35:H35"/>
    <mergeCell ref="I35:K35"/>
    <mergeCell ref="A33:E33"/>
    <mergeCell ref="F33:H33"/>
    <mergeCell ref="I33:K33"/>
    <mergeCell ref="A34:E34"/>
    <mergeCell ref="F34:H34"/>
    <mergeCell ref="I34:K34"/>
    <mergeCell ref="A28:K28"/>
    <mergeCell ref="A29:K29"/>
    <mergeCell ref="A30:K30"/>
    <mergeCell ref="A31:B31"/>
    <mergeCell ref="F31:K31"/>
    <mergeCell ref="A24:K24"/>
    <mergeCell ref="A25:A27"/>
    <mergeCell ref="B25:B27"/>
    <mergeCell ref="F25:H25"/>
    <mergeCell ref="I25:K25"/>
    <mergeCell ref="F26:H26"/>
    <mergeCell ref="I26:K26"/>
    <mergeCell ref="A16:K16"/>
    <mergeCell ref="A21:A23"/>
    <mergeCell ref="B21:B23"/>
    <mergeCell ref="F21:H21"/>
    <mergeCell ref="I21:K21"/>
    <mergeCell ref="F22:H22"/>
    <mergeCell ref="I22:K22"/>
    <mergeCell ref="A17:A19"/>
    <mergeCell ref="B17:B19"/>
    <mergeCell ref="F17:H17"/>
    <mergeCell ref="I17:K17"/>
    <mergeCell ref="F18:H18"/>
    <mergeCell ref="I18:K18"/>
    <mergeCell ref="A20:K20"/>
    <mergeCell ref="I10:K10"/>
    <mergeCell ref="A12:K12"/>
    <mergeCell ref="A13:A15"/>
    <mergeCell ref="B13:B15"/>
    <mergeCell ref="F13:H13"/>
    <mergeCell ref="I13:K13"/>
    <mergeCell ref="F14:H14"/>
    <mergeCell ref="I14:K14"/>
    <mergeCell ref="A9:A11"/>
    <mergeCell ref="B9:B11"/>
    <mergeCell ref="F9:H9"/>
    <mergeCell ref="I9:K9"/>
    <mergeCell ref="F10:H10"/>
    <mergeCell ref="C1:K5"/>
    <mergeCell ref="A6:K6"/>
    <mergeCell ref="A7:K7"/>
    <mergeCell ref="F8:H8"/>
    <mergeCell ref="I8:K8"/>
    <mergeCell ref="A1:B5"/>
  </mergeCells>
  <printOptions horizontalCentered="1"/>
  <pageMargins left="0.7" right="0.7" top="0.75" bottom="0.75" header="0.3" footer="0.3"/>
  <pageSetup paperSize="9" scale="67" orientation="landscape" r:id="rId1"/>
  <headerFooter alignWithMargins="0">
    <oddHeader>&amp;R&amp;"Arial,Negrito"&amp;9&amp;P/&amp;N</oddHeader>
  </headerFooter>
  <ignoredErrors>
    <ignoredError sqref="F34:K34" 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30"/>
  <sheetViews>
    <sheetView showZeros="0" tabSelected="1" view="pageBreakPreview" zoomScaleSheetLayoutView="100" workbookViewId="0">
      <selection activeCell="F9" sqref="F9"/>
    </sheetView>
  </sheetViews>
  <sheetFormatPr defaultColWidth="9" defaultRowHeight="15"/>
  <cols>
    <col min="1" max="1" width="9" style="158"/>
    <col min="2" max="2" width="70" style="158" customWidth="1"/>
    <col min="3" max="3" width="19.42578125" style="158" customWidth="1"/>
    <col min="4" max="4" width="0.140625" style="158" customWidth="1"/>
    <col min="5" max="16384" width="9" style="158"/>
  </cols>
  <sheetData>
    <row r="1" spans="1:4" ht="18">
      <c r="A1" s="323" t="s">
        <v>312</v>
      </c>
      <c r="B1" s="324"/>
      <c r="C1" s="324"/>
      <c r="D1" s="325"/>
    </row>
    <row r="2" spans="1:4" ht="15" customHeight="1">
      <c r="A2" s="326" t="s">
        <v>313</v>
      </c>
      <c r="B2" s="327"/>
      <c r="C2" s="327"/>
      <c r="D2" s="328"/>
    </row>
    <row r="3" spans="1:4" ht="15.75" thickBot="1">
      <c r="A3" s="329"/>
      <c r="B3" s="330"/>
      <c r="C3" s="330"/>
      <c r="D3" s="331"/>
    </row>
    <row r="4" spans="1:4" ht="16.5" thickTop="1" thickBot="1">
      <c r="A4" s="159" t="s">
        <v>9</v>
      </c>
      <c r="B4" s="160" t="s">
        <v>12</v>
      </c>
      <c r="C4" s="161" t="s">
        <v>141</v>
      </c>
      <c r="D4" s="162"/>
    </row>
    <row r="5" spans="1:4" ht="15.75" thickTop="1">
      <c r="A5" s="163"/>
      <c r="B5" s="164"/>
      <c r="C5" s="165"/>
      <c r="D5" s="162"/>
    </row>
    <row r="6" spans="1:4">
      <c r="A6" s="166"/>
      <c r="B6" s="167" t="s">
        <v>314</v>
      </c>
      <c r="C6" s="168"/>
      <c r="D6" s="169"/>
    </row>
    <row r="7" spans="1:4">
      <c r="A7" s="170">
        <v>1</v>
      </c>
      <c r="B7" s="171" t="s">
        <v>315</v>
      </c>
      <c r="C7" s="172">
        <v>5.5E-2</v>
      </c>
      <c r="D7" s="162"/>
    </row>
    <row r="8" spans="1:4">
      <c r="A8" s="170">
        <v>2</v>
      </c>
      <c r="B8" s="171" t="s">
        <v>316</v>
      </c>
      <c r="C8" s="172">
        <v>5.7000000000000002E-3</v>
      </c>
      <c r="D8" s="162"/>
    </row>
    <row r="9" spans="1:4">
      <c r="A9" s="173"/>
      <c r="B9" s="174" t="s">
        <v>317</v>
      </c>
      <c r="C9" s="175">
        <f>SUM(C7:C8)</f>
        <v>6.0700000000000004E-2</v>
      </c>
      <c r="D9" s="162"/>
    </row>
    <row r="10" spans="1:4">
      <c r="A10" s="170"/>
      <c r="B10" s="176"/>
      <c r="C10" s="177"/>
      <c r="D10" s="162"/>
    </row>
    <row r="11" spans="1:4">
      <c r="A11" s="170"/>
      <c r="B11" s="167" t="s">
        <v>318</v>
      </c>
      <c r="C11" s="178"/>
      <c r="D11" s="162"/>
    </row>
    <row r="12" spans="1:4">
      <c r="A12" s="170">
        <v>3</v>
      </c>
      <c r="B12" s="171" t="s">
        <v>319</v>
      </c>
      <c r="C12" s="172">
        <v>6.0000000000000001E-3</v>
      </c>
      <c r="D12" s="162"/>
    </row>
    <row r="13" spans="1:4">
      <c r="A13" s="170">
        <v>4</v>
      </c>
      <c r="B13" s="171" t="s">
        <v>320</v>
      </c>
      <c r="C13" s="172">
        <v>2.0999999999999999E-3</v>
      </c>
      <c r="D13" s="162"/>
    </row>
    <row r="14" spans="1:4">
      <c r="A14" s="170">
        <v>5</v>
      </c>
      <c r="B14" s="171" t="s">
        <v>321</v>
      </c>
      <c r="C14" s="172">
        <v>8.5000000000000006E-2</v>
      </c>
      <c r="D14" s="162"/>
    </row>
    <row r="15" spans="1:4">
      <c r="A15" s="170">
        <v>6</v>
      </c>
      <c r="B15" s="171" t="s">
        <v>322</v>
      </c>
      <c r="C15" s="172">
        <v>5.8999999999999999E-3</v>
      </c>
      <c r="D15" s="162"/>
    </row>
    <row r="16" spans="1:4">
      <c r="A16" s="173"/>
      <c r="B16" s="174" t="s">
        <v>323</v>
      </c>
      <c r="C16" s="175">
        <f>SUM(C12:C15)</f>
        <v>9.9000000000000005E-2</v>
      </c>
      <c r="D16" s="162"/>
    </row>
    <row r="17" spans="1:4">
      <c r="A17" s="170"/>
      <c r="B17" s="171"/>
      <c r="C17" s="177"/>
      <c r="D17" s="162"/>
    </row>
    <row r="18" spans="1:4">
      <c r="A18" s="170"/>
      <c r="B18" s="167" t="s">
        <v>324</v>
      </c>
      <c r="C18" s="178"/>
      <c r="D18" s="162"/>
    </row>
    <row r="19" spans="1:4">
      <c r="A19" s="170">
        <v>7</v>
      </c>
      <c r="B19" s="171" t="s">
        <v>325</v>
      </c>
      <c r="C19" s="172">
        <f>'[9]MC DO ISS'!C11</f>
        <v>2.0999999999999998E-2</v>
      </c>
      <c r="D19" s="179"/>
    </row>
    <row r="20" spans="1:4">
      <c r="A20" s="170">
        <v>8</v>
      </c>
      <c r="B20" s="171" t="s">
        <v>326</v>
      </c>
      <c r="C20" s="172">
        <v>6.4999999999999997E-3</v>
      </c>
      <c r="D20" s="162"/>
    </row>
    <row r="21" spans="1:4">
      <c r="A21" s="170">
        <v>9</v>
      </c>
      <c r="B21" s="171" t="s">
        <v>327</v>
      </c>
      <c r="C21" s="172">
        <v>0.03</v>
      </c>
      <c r="D21" s="162"/>
    </row>
    <row r="22" spans="1:4">
      <c r="A22" s="170">
        <v>10</v>
      </c>
      <c r="B22" s="171" t="s">
        <v>328</v>
      </c>
      <c r="C22" s="172">
        <v>0.02</v>
      </c>
      <c r="D22" s="162"/>
    </row>
    <row r="23" spans="1:4">
      <c r="A23" s="173"/>
      <c r="B23" s="174" t="s">
        <v>329</v>
      </c>
      <c r="C23" s="175">
        <f>SUM(C19:C22)</f>
        <v>7.7499999999999999E-2</v>
      </c>
      <c r="D23" s="162"/>
    </row>
    <row r="24" spans="1:4" ht="15.75" thickBot="1">
      <c r="A24" s="170"/>
      <c r="B24" s="171"/>
      <c r="C24" s="177"/>
      <c r="D24" s="162"/>
    </row>
    <row r="25" spans="1:4" ht="16.5" thickTop="1" thickBot="1">
      <c r="A25" s="180"/>
      <c r="B25" s="181" t="s">
        <v>17</v>
      </c>
      <c r="C25" s="182">
        <f>((1+C9)*(1+C16))/(1-C23)-1</f>
        <v>0.26364151761517629</v>
      </c>
      <c r="D25" s="162"/>
    </row>
    <row r="26" spans="1:4" ht="15.75" thickTop="1">
      <c r="A26" s="183"/>
      <c r="B26" s="184"/>
      <c r="C26" s="183"/>
      <c r="D26" s="185"/>
    </row>
    <row r="27" spans="1:4">
      <c r="A27" s="183"/>
      <c r="B27" s="184"/>
      <c r="C27" s="183"/>
      <c r="D27" s="185"/>
    </row>
    <row r="28" spans="1:4">
      <c r="A28" s="183"/>
      <c r="B28" s="184"/>
      <c r="C28" s="183"/>
      <c r="D28" s="185"/>
    </row>
    <row r="29" spans="1:4" ht="15" customHeight="1">
      <c r="A29" s="322" t="s">
        <v>330</v>
      </c>
      <c r="B29" s="322"/>
      <c r="C29" s="322"/>
      <c r="D29" s="185"/>
    </row>
    <row r="30" spans="1:4" ht="24.75" customHeight="1">
      <c r="A30" s="322" t="s">
        <v>331</v>
      </c>
      <c r="B30" s="322"/>
      <c r="C30" s="322"/>
      <c r="D30" s="185"/>
    </row>
  </sheetData>
  <mergeCells count="5">
    <mergeCell ref="A30:C30"/>
    <mergeCell ref="A1:D1"/>
    <mergeCell ref="A2:D2"/>
    <mergeCell ref="A3:D3"/>
    <mergeCell ref="A29:C29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95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L15" sqref="L15"/>
    </sheetView>
  </sheetViews>
  <sheetFormatPr defaultRowHeight="12.75"/>
  <sheetData/>
  <pageMargins left="0.511811024" right="0.511811024" top="0.78740157499999996" bottom="0.78740157499999996" header="0.31496062000000002" footer="0.31496062000000002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Web App</Application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omercial</dc:creator>
  <cp:keywords/>
  <dc:description/>
  <cp:lastModifiedBy>WLID-00060000A0437FB3</cp:lastModifiedBy>
  <cp:revision/>
  <dcterms:created xsi:type="dcterms:W3CDTF">2010-11-30T18:12:13Z</dcterms:created>
  <dcterms:modified xsi:type="dcterms:W3CDTF">2014-10-20T17:42:08Z</dcterms:modified>
</cp:coreProperties>
</file>